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36_2025 Drenážne katétre\05. Josephine\00. Vyzva MZ SR\"/>
    </mc:Choice>
  </mc:AlternateContent>
  <bookViews>
    <workbookView xWindow="0" yWindow="0" windowWidth="28800" windowHeight="14235" tabRatio="742"/>
  </bookViews>
  <sheets>
    <sheet name="Príloha č.1 RD " sheetId="54" r:id="rId1"/>
    <sheet name="Príloha č.2 RD" sheetId="55" r:id="rId2"/>
    <sheet name="Príloha č.3 RD" sheetId="37" r:id="rId3"/>
  </sheets>
  <definedNames>
    <definedName name="_xlnm.Print_Area" localSheetId="0">'Príloha č.1 RD '!$A$1:$H$74</definedName>
    <definedName name="_xlnm.Print_Area" localSheetId="1">'Príloha č.2 RD'!$A$1:$N$54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80" uniqueCount="107">
  <si>
    <t>1.</t>
  </si>
  <si>
    <t>2.</t>
  </si>
  <si>
    <t>3.</t>
  </si>
  <si>
    <t>4.</t>
  </si>
  <si>
    <t>5.</t>
  </si>
  <si>
    <t>Názov predmetu zákazky:</t>
  </si>
  <si>
    <t>IČO:</t>
  </si>
  <si>
    <t>DIČ:</t>
  </si>
  <si>
    <t>V:</t>
  </si>
  <si>
    <t xml:space="preserve">Dňa: </t>
  </si>
  <si>
    <t>Poznámka:</t>
  </si>
  <si>
    <t>- povinné údaje vyplní uchádzač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ŠPECIFIKÁCIA PREDMETU ZÁKAZKY</t>
  </si>
  <si>
    <t xml:space="preserve"> </t>
  </si>
  <si>
    <t>Týmto potvrdzujem, že všetky uvedené informácie sú pravdivé.</t>
  </si>
  <si>
    <t>Požadované minimálne technické vlastnosti, parametre a hodnoty predmetu zákazky</t>
  </si>
  <si>
    <t>8.</t>
  </si>
  <si>
    <t>bez DPH</t>
  </si>
  <si>
    <t>s DPH</t>
  </si>
  <si>
    <t>- kritérium</t>
  </si>
  <si>
    <t>SORTIMENT PONÚKANÉHO TOVARU</t>
  </si>
  <si>
    <t>Obchodné meno/Názov uchádzača:</t>
  </si>
  <si>
    <t>Sídlo/Miesto podnikania:</t>
  </si>
  <si>
    <t>ZOZNAM ZNÁMYCH SUBDODÁVATEĹOV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>Katalógové číslo</t>
  </si>
  <si>
    <t>Názov výrobcu ponúkaného produktu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</t>
    </r>
  </si>
  <si>
    <t>spĺňa / nespĺňa</t>
  </si>
  <si>
    <t>Obchodný názov ponúkaného produktu</t>
  </si>
  <si>
    <t>ŠUKL</t>
  </si>
  <si>
    <t>Kategorizačný
kód</t>
  </si>
  <si>
    <t>Číslo 
rozhodnutia</t>
  </si>
  <si>
    <t xml:space="preserve">Merná 
jednotka
(MJ)               </t>
  </si>
  <si>
    <t>Jednotková cena za MJ v EUR</t>
  </si>
  <si>
    <t>DPH v %</t>
  </si>
  <si>
    <t>Uchádzač je povinný produkt s najvyššou zmluvnou jednotkovou cenou bez DPH uvedený u príslušnej položky viditeľne označiť žltým podfarbením celého riadku.</t>
  </si>
  <si>
    <t xml:space="preserve">7. </t>
  </si>
  <si>
    <t xml:space="preserve">Predpokladané množstvo MJ   
na 36 mesiacov     </t>
  </si>
  <si>
    <t xml:space="preserve">Predpokladané množstvo MJ   
na 36 mesiacov         </t>
  </si>
  <si>
    <t>Drenážne katétre</t>
  </si>
  <si>
    <t>hodnota ponúkaného  produktu</t>
  </si>
  <si>
    <t>Položka č. 1 -  Drenážny katéter, typ 1</t>
  </si>
  <si>
    <t>Veľkosť drénu: 24 - 25 CH</t>
  </si>
  <si>
    <t>Dĺžka drénu: min. 50 cm max. 70 cm</t>
  </si>
  <si>
    <t>2.1</t>
  </si>
  <si>
    <t>v celej dĺžke drénu RTG značenie</t>
  </si>
  <si>
    <t>Vnútorný priemer drénu: 0,50 cm (tolerancia +/- 0,1 cm)</t>
  </si>
  <si>
    <t>Vonkajší priemer drénu: 0,80 cm (tolerancia +/- 0,1 cm)</t>
  </si>
  <si>
    <t>Materiál: 100 % silicon</t>
  </si>
  <si>
    <t>5.1</t>
  </si>
  <si>
    <t>hrúbka silikónu: 0,10 cm</t>
  </si>
  <si>
    <t>Na začiatku drénu 4 až 6 oválnych otvorov, pričom:</t>
  </si>
  <si>
    <t>6.1</t>
  </si>
  <si>
    <t>dĺžka jedného otvoru: 1 cm (tolerancia +/- 0,2 cm)</t>
  </si>
  <si>
    <t>6.2</t>
  </si>
  <si>
    <t>šírka jedného otvoru: 0,60 cm (tolerancia +/- 0,2 cm)</t>
  </si>
  <si>
    <t>6.3</t>
  </si>
  <si>
    <t>rozpätie medzi jednotlivými otvormi: 1,50 cm (tolerancia +/- 0,2 cm)</t>
  </si>
  <si>
    <t>6.4</t>
  </si>
  <si>
    <t>protismerné rozmiestnenie otvorov po obvode drénu</t>
  </si>
  <si>
    <t xml:space="preserve">Položka predmetu zákazky musí byť zabalená v sterilnom obale s peel efektom otvárania, ktorý musí obsahovať minimálne tieto údaje: názov, veľkosť, exspiráciu, katalógové číslo a naznačenie otvárania.
</t>
  </si>
  <si>
    <t>Položka č. 2 - Drenážny katéter, typ 2</t>
  </si>
  <si>
    <t>Veľkosť drénu: 27 - 28 CH</t>
  </si>
  <si>
    <t>Vonkajší priemer drénu: 0,86 cm (tolerancia +/- 0,1 cm)</t>
  </si>
  <si>
    <t>hrúbka silikónu: 0,20 cm (tolerancia +/- 0,1 cm)</t>
  </si>
  <si>
    <t>šírka jedného otvoru: 0,70 cm (tolerancia +/- 0,1 cm)</t>
  </si>
  <si>
    <t>Položka č. 3 - Drenážny katéter, typ 3</t>
  </si>
  <si>
    <t>Veľkosť drénu: 30 - 32 CH</t>
  </si>
  <si>
    <t>Vnútorný priemer drénu: 0,70 cm (tolerancia +/- 0,1 cm)</t>
  </si>
  <si>
    <t>Vonkajší priemer drénu: 1 cm (tolerancia +/- 0,1 cm)</t>
  </si>
  <si>
    <t>dĺžka jedného otvoru: 1,20 cm (tolerancia +0,2/- 0,4 cm)</t>
  </si>
  <si>
    <t>šírka jedného otvoru: 0,90 cm (tolerancia +0,2/- 0,3 cm)</t>
  </si>
  <si>
    <t xml:space="preserve">Položka predmetu zákazky musí byť zabalená v sterilnom obale s peel efektom otvárania, ktorý Položka musí obsahovať minimálne  tieto údaje: názov, veľkosť, exspiráciu, katalógové číslo a naznačenie otvárania.
</t>
  </si>
  <si>
    <t>Položka č. 4 - Drenážny katéter, typ 4</t>
  </si>
  <si>
    <t>PVC katéter dĺžky 45 cm s vonkajším diametrom 9,3 mm (28CH)</t>
  </si>
  <si>
    <t xml:space="preserve">Priehľadný </t>
  </si>
  <si>
    <t xml:space="preserve">Termosenzitívny </t>
  </si>
  <si>
    <t>Vysoko hemokompatibilný a s vynikajúcou biokompatibilitou</t>
  </si>
  <si>
    <t>Katéter obsahuje RTG kontrastné čiary, ktoré napomáhajú presnému umiesteniu katétra so stupnicou s 2 cm škálovaním</t>
  </si>
  <si>
    <t xml:space="preserve">Eliptické bočné otvory a otvorený distálny koniec pomáhajú minimalizovať oklúziu a podporujú evakuáciu tekutín </t>
  </si>
  <si>
    <t xml:space="preserve">Proximálna časť katétra obsahuje modrý kontektor, ktorý sa môže formovať do požadovaného tvaru (napr. lievik) </t>
  </si>
  <si>
    <t>Sterilne balené, súčasťou balenia je bikónická spojka na pripojenie k hrudným drenážnym systémom</t>
  </si>
  <si>
    <t>Sortiment položky č. 1  -  Drenážny katéter, typ 1</t>
  </si>
  <si>
    <t>Sortiment položky č. 2 - Drenážny katéter, typ 2</t>
  </si>
  <si>
    <t>Sortiment položky č. 3 - Drenážny katéter, typ 3</t>
  </si>
  <si>
    <t>Sortiment položky č. 4 - Drenážny katéter, typ 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_-* #,##0.00\ [$EUR]_-;\-* #,##0.00\ [$EUR]_-;_-* &quot;-&quot;??\ [$EUR]_-;_-@_-"/>
  </numFmts>
  <fonts count="43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sz val="10"/>
      <color indexed="8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9"/>
      <color rgb="FFC00000"/>
      <name val="Arial"/>
      <family val="2"/>
      <charset val="238"/>
    </font>
    <font>
      <sz val="9"/>
      <color rgb="FFFF0000"/>
      <name val="Arial"/>
      <family val="2"/>
      <charset val="238"/>
    </font>
    <font>
      <b/>
      <sz val="10"/>
      <name val="Time "/>
      <charset val="238"/>
    </font>
    <font>
      <sz val="10"/>
      <name val="Time "/>
      <charset val="238"/>
    </font>
    <font>
      <sz val="10"/>
      <color theme="1"/>
      <name val="Time "/>
      <charset val="238"/>
    </font>
    <font>
      <b/>
      <sz val="10"/>
      <color theme="1"/>
      <name val="Time 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7" tint="0.79998168889431442"/>
        <bgColor indexed="64"/>
      </patternFill>
    </fill>
  </fills>
  <borders count="8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 style="hair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auto="1"/>
      </top>
      <bottom style="dotted">
        <color theme="1"/>
      </bottom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theme="1"/>
      </top>
      <bottom style="dotted">
        <color theme="1"/>
      </bottom>
      <diagonal/>
    </border>
    <border>
      <left style="medium">
        <color auto="1"/>
      </left>
      <right style="thin">
        <color auto="1"/>
      </right>
      <top style="dotted">
        <color indexed="64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theme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 style="medium">
        <color indexed="64"/>
      </right>
      <top/>
      <bottom style="dotted">
        <color theme="1"/>
      </bottom>
      <diagonal/>
    </border>
    <border>
      <left style="thin">
        <color indexed="64"/>
      </left>
      <right style="medium">
        <color indexed="64"/>
      </right>
      <top style="thin">
        <color auto="1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 style="thin">
        <color auto="1"/>
      </left>
      <right style="medium">
        <color indexed="64"/>
      </right>
      <top style="dotted">
        <color indexed="64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theme="1"/>
      </top>
      <bottom/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theme="1"/>
      </top>
      <bottom style="medium">
        <color indexed="64"/>
      </bottom>
      <diagonal/>
    </border>
  </borders>
  <cellStyleXfs count="52">
    <xf numFmtId="0" fontId="0" fillId="0" borderId="0" applyNumberFormat="0" applyFill="0" applyBorder="0" applyProtection="0"/>
    <xf numFmtId="0" fontId="17" fillId="0" borderId="0"/>
    <xf numFmtId="0" fontId="20" fillId="0" borderId="0" applyNumberFormat="0" applyFill="0" applyBorder="0" applyAlignment="0" applyProtection="0"/>
    <xf numFmtId="0" fontId="21" fillId="0" borderId="0"/>
    <xf numFmtId="0" fontId="16" fillId="0" borderId="0"/>
    <xf numFmtId="0" fontId="15" fillId="0" borderId="0"/>
    <xf numFmtId="0" fontId="15" fillId="0" borderId="0"/>
    <xf numFmtId="0" fontId="21" fillId="0" borderId="0"/>
    <xf numFmtId="0" fontId="14" fillId="0" borderId="0"/>
    <xf numFmtId="0" fontId="13" fillId="0" borderId="0"/>
    <xf numFmtId="0" fontId="13" fillId="0" borderId="0"/>
    <xf numFmtId="0" fontId="30" fillId="0" borderId="0"/>
    <xf numFmtId="0" fontId="12" fillId="0" borderId="0"/>
    <xf numFmtId="0" fontId="11" fillId="0" borderId="0"/>
    <xf numFmtId="0" fontId="31" fillId="0" borderId="0" applyNumberFormat="0" applyFill="0" applyBorder="0" applyProtection="0"/>
    <xf numFmtId="0" fontId="21" fillId="0" borderId="0"/>
    <xf numFmtId="0" fontId="11" fillId="0" borderId="0"/>
    <xf numFmtId="0" fontId="11" fillId="0" borderId="0"/>
    <xf numFmtId="0" fontId="11" fillId="0" borderId="0"/>
    <xf numFmtId="0" fontId="10" fillId="0" borderId="0"/>
    <xf numFmtId="0" fontId="31" fillId="0" borderId="0" applyNumberFormat="0" applyFill="0" applyBorder="0" applyProtection="0"/>
    <xf numFmtId="0" fontId="10" fillId="0" borderId="0"/>
    <xf numFmtId="0" fontId="9" fillId="0" borderId="0"/>
    <xf numFmtId="0" fontId="8" fillId="0" borderId="0"/>
    <xf numFmtId="0" fontId="7" fillId="0" borderId="0"/>
    <xf numFmtId="0" fontId="6" fillId="0" borderId="0"/>
    <xf numFmtId="0" fontId="6" fillId="0" borderId="0"/>
    <xf numFmtId="0" fontId="6" fillId="0" borderId="0"/>
    <xf numFmtId="0" fontId="5" fillId="0" borderId="0"/>
    <xf numFmtId="0" fontId="5" fillId="0" borderId="0"/>
    <xf numFmtId="0" fontId="5" fillId="0" borderId="0"/>
    <xf numFmtId="0" fontId="31" fillId="0" borderId="0" applyNumberFormat="0" applyFill="0" applyBorder="0" applyProtection="0"/>
    <xf numFmtId="0" fontId="5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</cellStyleXfs>
  <cellXfs count="244">
    <xf numFmtId="0" fontId="0" fillId="0" borderId="0" xfId="0"/>
    <xf numFmtId="0" fontId="18" fillId="0" borderId="0" xfId="1" applyFont="1"/>
    <xf numFmtId="0" fontId="18" fillId="0" borderId="0" xfId="1" applyFont="1" applyAlignment="1">
      <alignment vertical="center"/>
    </xf>
    <xf numFmtId="0" fontId="18" fillId="0" borderId="0" xfId="1" applyFont="1" applyAlignment="1">
      <alignment wrapText="1"/>
    </xf>
    <xf numFmtId="0" fontId="18" fillId="0" borderId="0" xfId="1" applyFont="1" applyAlignment="1">
      <alignment horizontal="center"/>
    </xf>
    <xf numFmtId="0" fontId="18" fillId="0" borderId="0" xfId="1" applyFont="1" applyAlignment="1">
      <alignment vertical="top" wrapText="1"/>
    </xf>
    <xf numFmtId="0" fontId="19" fillId="0" borderId="0" xfId="1" applyFont="1" applyAlignment="1">
      <alignment horizontal="left" vertical="center" wrapText="1"/>
    </xf>
    <xf numFmtId="0" fontId="18" fillId="0" borderId="0" xfId="1" applyFont="1" applyAlignment="1">
      <alignment horizontal="right" vertical="center"/>
    </xf>
    <xf numFmtId="0" fontId="26" fillId="2" borderId="2" xfId="1" applyFont="1" applyFill="1" applyBorder="1" applyAlignment="1">
      <alignment horizontal="center" vertical="center" wrapText="1"/>
    </xf>
    <xf numFmtId="49" fontId="18" fillId="0" borderId="8" xfId="1" applyNumberFormat="1" applyFont="1" applyBorder="1" applyAlignment="1">
      <alignment horizontal="center" vertical="center" wrapText="1"/>
    </xf>
    <xf numFmtId="0" fontId="18" fillId="0" borderId="0" xfId="9" applyFont="1" applyAlignment="1">
      <alignment wrapText="1"/>
    </xf>
    <xf numFmtId="0" fontId="27" fillId="0" borderId="0" xfId="9" applyFont="1" applyAlignment="1">
      <alignment wrapText="1"/>
    </xf>
    <xf numFmtId="0" fontId="28" fillId="0" borderId="0" xfId="9" applyFont="1" applyAlignment="1">
      <alignment vertical="center" wrapText="1"/>
    </xf>
    <xf numFmtId="0" fontId="29" fillId="0" borderId="0" xfId="9" applyFont="1" applyAlignment="1">
      <alignment vertical="center" wrapText="1"/>
    </xf>
    <xf numFmtId="0" fontId="18" fillId="0" borderId="0" xfId="7" applyFont="1" applyAlignment="1">
      <alignment vertical="top" wrapText="1"/>
    </xf>
    <xf numFmtId="0" fontId="32" fillId="0" borderId="0" xfId="14" applyFont="1" applyBorder="1" applyAlignment="1">
      <alignment horizontal="center" vertical="top" wrapText="1"/>
    </xf>
    <xf numFmtId="0" fontId="18" fillId="0" borderId="0" xfId="24" applyFont="1" applyAlignment="1">
      <alignment wrapText="1"/>
    </xf>
    <xf numFmtId="0" fontId="18" fillId="0" borderId="0" xfId="24" applyFont="1" applyAlignment="1">
      <alignment vertical="top" wrapText="1"/>
    </xf>
    <xf numFmtId="0" fontId="23" fillId="0" borderId="0" xfId="9" applyFont="1" applyAlignment="1">
      <alignment horizontal="center" vertical="center" wrapText="1"/>
    </xf>
    <xf numFmtId="0" fontId="18" fillId="0" borderId="0" xfId="1" applyFont="1" applyAlignment="1">
      <alignment horizontal="left" vertical="center" wrapText="1"/>
    </xf>
    <xf numFmtId="0" fontId="33" fillId="0" borderId="0" xfId="24" applyFont="1" applyAlignment="1">
      <alignment horizontal="left" vertical="center" wrapText="1"/>
    </xf>
    <xf numFmtId="0" fontId="19" fillId="0" borderId="7" xfId="1" applyFont="1" applyBorder="1" applyAlignment="1">
      <alignment vertical="top" wrapText="1"/>
    </xf>
    <xf numFmtId="0" fontId="19" fillId="0" borderId="25" xfId="1" applyFont="1" applyBorder="1" applyAlignment="1">
      <alignment horizontal="center" vertical="top" wrapText="1"/>
    </xf>
    <xf numFmtId="0" fontId="24" fillId="0" borderId="25" xfId="1" applyFont="1" applyBorder="1" applyAlignment="1">
      <alignment horizontal="center" vertical="top" wrapText="1"/>
    </xf>
    <xf numFmtId="0" fontId="24" fillId="0" borderId="26" xfId="1" applyFont="1" applyBorder="1" applyAlignment="1">
      <alignment horizontal="center" vertical="top" wrapText="1"/>
    </xf>
    <xf numFmtId="0" fontId="24" fillId="0" borderId="27" xfId="1" applyFont="1" applyBorder="1" applyAlignment="1">
      <alignment horizontal="center" vertical="top" wrapText="1"/>
    </xf>
    <xf numFmtId="49" fontId="18" fillId="0" borderId="9" xfId="1" applyNumberFormat="1" applyFont="1" applyBorder="1" applyAlignment="1">
      <alignment horizontal="left" vertical="center" wrapText="1"/>
    </xf>
    <xf numFmtId="9" fontId="18" fillId="0" borderId="9" xfId="1" applyNumberFormat="1" applyFont="1" applyBorder="1" applyAlignment="1">
      <alignment horizontal="left" vertical="center" wrapText="1"/>
    </xf>
    <xf numFmtId="49" fontId="25" fillId="0" borderId="9" xfId="2" applyNumberFormat="1" applyFont="1" applyBorder="1" applyAlignment="1">
      <alignment horizontal="left" vertical="center" wrapText="1"/>
    </xf>
    <xf numFmtId="49" fontId="18" fillId="0" borderId="28" xfId="1" applyNumberFormat="1" applyFont="1" applyBorder="1" applyAlignment="1">
      <alignment horizontal="center" vertical="center" wrapText="1"/>
    </xf>
    <xf numFmtId="165" fontId="18" fillId="0" borderId="29" xfId="1" applyNumberFormat="1" applyFont="1" applyBorder="1" applyAlignment="1">
      <alignment horizontal="center" vertical="center" wrapText="1"/>
    </xf>
    <xf numFmtId="49" fontId="18" fillId="0" borderId="5" xfId="1" applyNumberFormat="1" applyFont="1" applyBorder="1" applyAlignment="1">
      <alignment horizontal="center" vertical="center" wrapText="1"/>
    </xf>
    <xf numFmtId="49" fontId="18" fillId="0" borderId="3" xfId="1" applyNumberFormat="1" applyFont="1" applyBorder="1" applyAlignment="1">
      <alignment horizontal="left" vertical="center" wrapText="1"/>
    </xf>
    <xf numFmtId="9" fontId="18" fillId="0" borderId="3" xfId="1" applyNumberFormat="1" applyFont="1" applyBorder="1" applyAlignment="1">
      <alignment horizontal="left" vertical="center" wrapText="1"/>
    </xf>
    <xf numFmtId="49" fontId="25" fillId="0" borderId="3" xfId="2" applyNumberFormat="1" applyFont="1" applyBorder="1" applyAlignment="1">
      <alignment horizontal="left" vertical="center" wrapText="1"/>
    </xf>
    <xf numFmtId="49" fontId="18" fillId="0" borderId="6" xfId="1" applyNumberFormat="1" applyFont="1" applyBorder="1" applyAlignment="1">
      <alignment horizontal="center" vertical="center" wrapText="1"/>
    </xf>
    <xf numFmtId="165" fontId="18" fillId="0" borderId="4" xfId="1" applyNumberFormat="1" applyFont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34" fillId="0" borderId="0" xfId="24" applyFont="1" applyAlignment="1">
      <alignment horizontal="left" vertical="center" wrapText="1"/>
    </xf>
    <xf numFmtId="0" fontId="36" fillId="0" borderId="0" xfId="24" applyFont="1" applyAlignment="1">
      <alignment vertical="top" wrapText="1"/>
    </xf>
    <xf numFmtId="0" fontId="18" fillId="0" borderId="0" xfId="1" applyFont="1" applyAlignment="1" applyProtection="1">
      <alignment vertical="top" wrapText="1"/>
      <protection locked="0"/>
    </xf>
    <xf numFmtId="0" fontId="18" fillId="0" borderId="0" xfId="1" applyFont="1" applyAlignment="1" applyProtection="1">
      <alignment vertical="center" wrapText="1"/>
      <protection locked="0"/>
    </xf>
    <xf numFmtId="14" fontId="18" fillId="0" borderId="0" xfId="1" applyNumberFormat="1" applyFont="1" applyAlignment="1">
      <alignment vertical="top" wrapText="1"/>
    </xf>
    <xf numFmtId="0" fontId="0" fillId="0" borderId="1" xfId="0" applyBorder="1"/>
    <xf numFmtId="49" fontId="19" fillId="2" borderId="2" xfId="1" applyNumberFormat="1" applyFont="1" applyFill="1" applyBorder="1" applyAlignment="1">
      <alignment wrapText="1"/>
    </xf>
    <xf numFmtId="14" fontId="18" fillId="0" borderId="0" xfId="1" applyNumberFormat="1" applyFont="1" applyAlignment="1">
      <alignment horizontal="left" vertical="center" wrapText="1"/>
    </xf>
    <xf numFmtId="0" fontId="18" fillId="0" borderId="0" xfId="1" applyFont="1" applyAlignment="1">
      <alignment horizontal="center" vertical="center" wrapText="1"/>
    </xf>
    <xf numFmtId="0" fontId="22" fillId="0" borderId="0" xfId="3" applyFont="1" applyAlignment="1">
      <alignment horizontal="left" vertical="center" wrapText="1"/>
    </xf>
    <xf numFmtId="0" fontId="18" fillId="0" borderId="0" xfId="1" applyFont="1" applyAlignment="1" applyProtection="1">
      <alignment horizontal="left" vertical="top" wrapText="1"/>
      <protection locked="0"/>
    </xf>
    <xf numFmtId="0" fontId="18" fillId="0" borderId="0" xfId="1" applyFont="1" applyAlignment="1">
      <alignment horizontal="left"/>
    </xf>
    <xf numFmtId="0" fontId="18" fillId="0" borderId="0" xfId="1" applyFont="1" applyAlignment="1">
      <alignment horizontal="left" vertical="center" wrapText="1"/>
    </xf>
    <xf numFmtId="0" fontId="35" fillId="0" borderId="0" xfId="0" applyFont="1" applyAlignment="1">
      <alignment horizontal="left" vertical="center" wrapText="1"/>
    </xf>
    <xf numFmtId="0" fontId="23" fillId="0" borderId="0" xfId="9" applyFont="1" applyAlignment="1">
      <alignment horizontal="left" vertical="center" wrapText="1"/>
    </xf>
    <xf numFmtId="0" fontId="34" fillId="0" borderId="0" xfId="24" applyFont="1" applyAlignment="1">
      <alignment horizontal="left" vertical="center" wrapText="1"/>
    </xf>
    <xf numFmtId="0" fontId="18" fillId="0" borderId="0" xfId="1" applyFont="1" applyAlignment="1">
      <alignment horizontal="left" wrapText="1"/>
    </xf>
    <xf numFmtId="0" fontId="19" fillId="6" borderId="10" xfId="1" applyFont="1" applyFill="1" applyBorder="1" applyAlignment="1">
      <alignment horizontal="left" vertical="center" wrapText="1"/>
    </xf>
    <xf numFmtId="0" fontId="19" fillId="6" borderId="12" xfId="1" applyFont="1" applyFill="1" applyBorder="1" applyAlignment="1">
      <alignment horizontal="left" vertical="center" wrapText="1"/>
    </xf>
    <xf numFmtId="0" fontId="19" fillId="6" borderId="13" xfId="1" applyFont="1" applyFill="1" applyBorder="1" applyAlignment="1">
      <alignment horizontal="left" vertical="center" wrapText="1"/>
    </xf>
    <xf numFmtId="0" fontId="18" fillId="0" borderId="0" xfId="9" applyFont="1" applyAlignment="1">
      <alignment horizontal="center" wrapText="1"/>
    </xf>
    <xf numFmtId="0" fontId="23" fillId="0" borderId="0" xfId="9" applyFont="1" applyAlignment="1">
      <alignment horizontal="center" vertical="center" wrapText="1"/>
    </xf>
    <xf numFmtId="0" fontId="18" fillId="0" borderId="0" xfId="47" applyFont="1"/>
    <xf numFmtId="0" fontId="18" fillId="0" borderId="0" xfId="47" applyFont="1" applyAlignment="1">
      <alignment wrapText="1"/>
    </xf>
    <xf numFmtId="0" fontId="19" fillId="6" borderId="10" xfId="47" applyFont="1" applyFill="1" applyBorder="1" applyAlignment="1">
      <alignment horizontal="left" vertical="center" wrapText="1"/>
    </xf>
    <xf numFmtId="0" fontId="19" fillId="6" borderId="12" xfId="47" applyFont="1" applyFill="1" applyBorder="1" applyAlignment="1">
      <alignment horizontal="left" vertical="center" wrapText="1"/>
    </xf>
    <xf numFmtId="0" fontId="19" fillId="6" borderId="13" xfId="47" applyFont="1" applyFill="1" applyBorder="1" applyAlignment="1">
      <alignment horizontal="left" vertical="center" wrapText="1"/>
    </xf>
    <xf numFmtId="0" fontId="18" fillId="0" borderId="0" xfId="47" applyFont="1" applyAlignment="1">
      <alignment vertical="top" wrapText="1"/>
    </xf>
    <xf numFmtId="0" fontId="19" fillId="0" borderId="0" xfId="48" applyFont="1" applyAlignment="1" applyProtection="1">
      <alignment horizontal="left" vertical="top" wrapText="1"/>
      <protection locked="0"/>
    </xf>
    <xf numFmtId="0" fontId="19" fillId="0" borderId="0" xfId="48" applyFont="1" applyAlignment="1" applyProtection="1">
      <alignment vertical="top" wrapText="1"/>
      <protection locked="0"/>
    </xf>
    <xf numFmtId="0" fontId="18" fillId="0" borderId="0" xfId="48" applyFont="1" applyAlignment="1" applyProtection="1">
      <alignment wrapText="1"/>
      <protection locked="0"/>
    </xf>
    <xf numFmtId="0" fontId="23" fillId="0" borderId="0" xfId="48" applyFont="1" applyAlignment="1" applyProtection="1">
      <alignment horizontal="center" vertical="center" wrapText="1"/>
      <protection locked="0"/>
    </xf>
    <xf numFmtId="0" fontId="19" fillId="0" borderId="0" xfId="48" applyFont="1" applyAlignment="1" applyProtection="1">
      <alignment vertical="center" wrapText="1"/>
      <protection locked="0"/>
    </xf>
    <xf numFmtId="0" fontId="18" fillId="0" borderId="0" xfId="48" applyFont="1" applyAlignment="1" applyProtection="1">
      <alignment vertical="center" wrapText="1"/>
      <protection locked="0"/>
    </xf>
    <xf numFmtId="0" fontId="19" fillId="6" borderId="10" xfId="48" applyFont="1" applyFill="1" applyBorder="1" applyAlignment="1" applyProtection="1">
      <alignment horizontal="left" vertical="center" wrapText="1"/>
      <protection locked="0"/>
    </xf>
    <xf numFmtId="0" fontId="19" fillId="6" borderId="12" xfId="48" applyFont="1" applyFill="1" applyBorder="1" applyAlignment="1" applyProtection="1">
      <alignment horizontal="left" vertical="center" wrapText="1"/>
      <protection locked="0"/>
    </xf>
    <xf numFmtId="0" fontId="19" fillId="6" borderId="13" xfId="48" applyFont="1" applyFill="1" applyBorder="1" applyAlignment="1" applyProtection="1">
      <alignment horizontal="left" vertical="center" wrapText="1"/>
      <protection locked="0"/>
    </xf>
    <xf numFmtId="0" fontId="18" fillId="0" borderId="0" xfId="49" applyFont="1" applyAlignment="1">
      <alignment horizontal="left" vertical="center" wrapText="1"/>
    </xf>
    <xf numFmtId="49" fontId="18" fillId="0" borderId="0" xfId="49" applyNumberFormat="1" applyFont="1" applyAlignment="1">
      <alignment vertical="center" wrapText="1"/>
    </xf>
    <xf numFmtId="0" fontId="18" fillId="0" borderId="0" xfId="49" applyFont="1" applyAlignment="1">
      <alignment vertical="center" wrapText="1"/>
    </xf>
    <xf numFmtId="0" fontId="18" fillId="0" borderId="0" xfId="49" applyFont="1" applyAlignment="1">
      <alignment horizontal="center" vertical="center" wrapText="1"/>
    </xf>
    <xf numFmtId="49" fontId="24" fillId="4" borderId="20" xfId="49" applyNumberFormat="1" applyFont="1" applyFill="1" applyBorder="1" applyAlignment="1">
      <alignment horizontal="left" vertical="top" wrapText="1"/>
    </xf>
    <xf numFmtId="49" fontId="24" fillId="4" borderId="21" xfId="49" applyNumberFormat="1" applyFont="1" applyFill="1" applyBorder="1" applyAlignment="1">
      <alignment horizontal="left" vertical="top" wrapText="1"/>
    </xf>
    <xf numFmtId="49" fontId="24" fillId="4" borderId="37" xfId="49" applyNumberFormat="1" applyFont="1" applyFill="1" applyBorder="1" applyAlignment="1">
      <alignment horizontal="left" vertical="top" wrapText="1"/>
    </xf>
    <xf numFmtId="49" fontId="22" fillId="4" borderId="14" xfId="49" applyNumberFormat="1" applyFont="1" applyFill="1" applyBorder="1" applyAlignment="1">
      <alignment horizontal="center" vertical="top" wrapText="1"/>
    </xf>
    <xf numFmtId="49" fontId="22" fillId="4" borderId="16" xfId="49" applyNumberFormat="1" applyFont="1" applyFill="1" applyBorder="1" applyAlignment="1">
      <alignment horizontal="center" vertical="top" wrapText="1"/>
    </xf>
    <xf numFmtId="0" fontId="19" fillId="0" borderId="0" xfId="49" applyFont="1" applyAlignment="1">
      <alignment vertical="top"/>
    </xf>
    <xf numFmtId="49" fontId="24" fillId="4" borderId="38" xfId="49" applyNumberFormat="1" applyFont="1" applyFill="1" applyBorder="1" applyAlignment="1">
      <alignment horizontal="left" vertical="top" wrapText="1"/>
    </xf>
    <xf numFmtId="49" fontId="24" fillId="4" borderId="39" xfId="49" applyNumberFormat="1" applyFont="1" applyFill="1" applyBorder="1" applyAlignment="1">
      <alignment horizontal="left" vertical="top" wrapText="1"/>
    </xf>
    <xf numFmtId="49" fontId="24" fillId="4" borderId="40" xfId="49" applyNumberFormat="1" applyFont="1" applyFill="1" applyBorder="1" applyAlignment="1">
      <alignment horizontal="left" vertical="top" wrapText="1"/>
    </xf>
    <xf numFmtId="49" fontId="24" fillId="4" borderId="18" xfId="49" applyNumberFormat="1" applyFont="1" applyFill="1" applyBorder="1" applyAlignment="1">
      <alignment horizontal="center" vertical="center" wrapText="1"/>
    </xf>
    <xf numFmtId="49" fontId="22" fillId="4" borderId="19" xfId="49" applyNumberFormat="1" applyFont="1" applyFill="1" applyBorder="1" applyAlignment="1">
      <alignment horizontal="center" vertical="center" wrapText="1"/>
    </xf>
    <xf numFmtId="49" fontId="39" fillId="5" borderId="22" xfId="49" applyNumberFormat="1" applyFont="1" applyFill="1" applyBorder="1" applyAlignment="1">
      <alignment horizontal="left" vertical="center" wrapText="1"/>
    </xf>
    <xf numFmtId="49" fontId="39" fillId="5" borderId="15" xfId="49" applyNumberFormat="1" applyFont="1" applyFill="1" applyBorder="1" applyAlignment="1">
      <alignment horizontal="left" vertical="center" wrapText="1"/>
    </xf>
    <xf numFmtId="49" fontId="39" fillId="5" borderId="16" xfId="49" applyNumberFormat="1" applyFont="1" applyFill="1" applyBorder="1" applyAlignment="1">
      <alignment horizontal="left" vertical="center" wrapText="1"/>
    </xf>
    <xf numFmtId="49" fontId="40" fillId="0" borderId="65" xfId="0" applyNumberFormat="1" applyFont="1" applyFill="1" applyBorder="1" applyAlignment="1">
      <alignment horizontal="left" vertical="center" wrapText="1"/>
    </xf>
    <xf numFmtId="0" fontId="41" fillId="0" borderId="47" xfId="0" applyFont="1" applyBorder="1" applyAlignment="1">
      <alignment horizontal="left" vertical="center"/>
    </xf>
    <xf numFmtId="0" fontId="41" fillId="0" borderId="41" xfId="0" applyFont="1" applyBorder="1" applyAlignment="1">
      <alignment horizontal="left" vertical="center"/>
    </xf>
    <xf numFmtId="0" fontId="41" fillId="0" borderId="42" xfId="0" applyFont="1" applyBorder="1" applyAlignment="1">
      <alignment horizontal="left" vertical="center"/>
    </xf>
    <xf numFmtId="0" fontId="40" fillId="0" borderId="12" xfId="48" applyFont="1" applyBorder="1" applyAlignment="1">
      <alignment horizontal="center" vertical="center" wrapText="1"/>
    </xf>
    <xf numFmtId="0" fontId="40" fillId="0" borderId="70" xfId="48" applyFont="1" applyBorder="1" applyAlignment="1">
      <alignment horizontal="center" vertical="center" wrapText="1"/>
    </xf>
    <xf numFmtId="0" fontId="18" fillId="0" borderId="0" xfId="49" applyFont="1" applyAlignment="1">
      <alignment vertical="center"/>
    </xf>
    <xf numFmtId="0" fontId="40" fillId="0" borderId="71" xfId="0" applyFont="1" applyBorder="1" applyAlignment="1">
      <alignment horizontal="left" vertical="center" wrapText="1"/>
    </xf>
    <xf numFmtId="0" fontId="40" fillId="0" borderId="30" xfId="0" applyFont="1" applyBorder="1" applyAlignment="1">
      <alignment horizontal="left" vertical="center" wrapText="1"/>
    </xf>
    <xf numFmtId="0" fontId="40" fillId="0" borderId="44" xfId="0" applyFont="1" applyBorder="1" applyAlignment="1">
      <alignment horizontal="left" vertical="center" wrapText="1"/>
    </xf>
    <xf numFmtId="0" fontId="40" fillId="0" borderId="72" xfId="48" applyFont="1" applyBorder="1" applyAlignment="1">
      <alignment horizontal="center" vertical="center" wrapText="1"/>
    </xf>
    <xf numFmtId="0" fontId="40" fillId="0" borderId="45" xfId="48" applyFont="1" applyBorder="1" applyAlignment="1">
      <alignment horizontal="center" vertical="center" wrapText="1"/>
    </xf>
    <xf numFmtId="49" fontId="40" fillId="0" borderId="65" xfId="0" applyNumberFormat="1" applyFont="1" applyFill="1" applyBorder="1" applyAlignment="1">
      <alignment horizontal="center" vertical="center" wrapText="1"/>
    </xf>
    <xf numFmtId="0" fontId="40" fillId="0" borderId="30" xfId="48" applyFont="1" applyBorder="1" applyAlignment="1">
      <alignment horizontal="center" vertical="center" wrapText="1"/>
    </xf>
    <xf numFmtId="0" fontId="40" fillId="0" borderId="73" xfId="48" applyFont="1" applyBorder="1" applyAlignment="1">
      <alignment horizontal="center" vertical="center" wrapText="1"/>
    </xf>
    <xf numFmtId="0" fontId="40" fillId="0" borderId="0" xfId="48" applyFont="1" applyBorder="1" applyAlignment="1">
      <alignment horizontal="center" vertical="center" wrapText="1"/>
    </xf>
    <xf numFmtId="0" fontId="40" fillId="0" borderId="74" xfId="48" applyFont="1" applyBorder="1" applyAlignment="1">
      <alignment horizontal="center" vertical="center" wrapText="1"/>
    </xf>
    <xf numFmtId="0" fontId="40" fillId="0" borderId="61" xfId="48" applyFont="1" applyBorder="1" applyAlignment="1">
      <alignment horizontal="center" vertical="center" wrapText="1"/>
    </xf>
    <xf numFmtId="0" fontId="40" fillId="0" borderId="75" xfId="48" applyFont="1" applyBorder="1" applyAlignment="1">
      <alignment horizontal="center" vertical="center" wrapText="1"/>
    </xf>
    <xf numFmtId="49" fontId="40" fillId="0" borderId="76" xfId="0" applyNumberFormat="1" applyFont="1" applyFill="1" applyBorder="1" applyAlignment="1">
      <alignment horizontal="left" vertical="center" wrapText="1"/>
    </xf>
    <xf numFmtId="0" fontId="40" fillId="0" borderId="77" xfId="0" applyFont="1" applyBorder="1" applyAlignment="1">
      <alignment horizontal="left" vertical="top" wrapText="1"/>
    </xf>
    <xf numFmtId="0" fontId="40" fillId="0" borderId="61" xfId="0" applyFont="1" applyBorder="1" applyAlignment="1">
      <alignment horizontal="left" vertical="top" wrapText="1"/>
    </xf>
    <xf numFmtId="0" fontId="40" fillId="0" borderId="67" xfId="0" applyFont="1" applyBorder="1" applyAlignment="1">
      <alignment horizontal="left" vertical="top" wrapText="1"/>
    </xf>
    <xf numFmtId="0" fontId="40" fillId="0" borderId="78" xfId="48" applyFont="1" applyBorder="1" applyAlignment="1">
      <alignment horizontal="center" vertical="center" wrapText="1"/>
    </xf>
    <xf numFmtId="49" fontId="42" fillId="5" borderId="68" xfId="0" applyNumberFormat="1" applyFont="1" applyFill="1" applyBorder="1" applyAlignment="1">
      <alignment horizontal="left" vertical="center"/>
    </xf>
    <xf numFmtId="49" fontId="42" fillId="5" borderId="12" xfId="0" applyNumberFormat="1" applyFont="1" applyFill="1" applyBorder="1" applyAlignment="1">
      <alignment horizontal="left" vertical="center"/>
    </xf>
    <xf numFmtId="49" fontId="42" fillId="5" borderId="69" xfId="0" applyNumberFormat="1" applyFont="1" applyFill="1" applyBorder="1" applyAlignment="1">
      <alignment horizontal="left" vertical="center"/>
    </xf>
    <xf numFmtId="49" fontId="40" fillId="0" borderId="79" xfId="0" applyNumberFormat="1" applyFont="1" applyFill="1" applyBorder="1" applyAlignment="1">
      <alignment horizontal="left" vertical="center" wrapText="1"/>
    </xf>
    <xf numFmtId="0" fontId="40" fillId="0" borderId="47" xfId="0" applyFont="1" applyBorder="1" applyAlignment="1">
      <alignment horizontal="left" vertical="center" wrapText="1"/>
    </xf>
    <xf numFmtId="0" fontId="40" fillId="0" borderId="41" xfId="0" applyFont="1" applyBorder="1" applyAlignment="1">
      <alignment horizontal="left" vertical="center" wrapText="1"/>
    </xf>
    <xf numFmtId="0" fontId="40" fillId="0" borderId="42" xfId="0" applyFont="1" applyBorder="1" applyAlignment="1">
      <alignment horizontal="left" vertical="center" wrapText="1"/>
    </xf>
    <xf numFmtId="0" fontId="40" fillId="0" borderId="80" xfId="48" applyFont="1" applyBorder="1" applyAlignment="1">
      <alignment horizontal="center" vertical="center" wrapText="1"/>
    </xf>
    <xf numFmtId="0" fontId="40" fillId="0" borderId="81" xfId="48" applyFont="1" applyBorder="1" applyAlignment="1">
      <alignment horizontal="center" vertical="center" wrapText="1"/>
    </xf>
    <xf numFmtId="0" fontId="40" fillId="0" borderId="82" xfId="48" applyFont="1" applyBorder="1" applyAlignment="1">
      <alignment horizontal="center" vertical="center" wrapText="1"/>
    </xf>
    <xf numFmtId="0" fontId="40" fillId="0" borderId="1" xfId="48" applyFont="1" applyBorder="1" applyAlignment="1">
      <alignment horizontal="center" vertical="center" wrapText="1"/>
    </xf>
    <xf numFmtId="0" fontId="40" fillId="0" borderId="83" xfId="48" applyFont="1" applyBorder="1" applyAlignment="1">
      <alignment horizontal="center" vertical="center" wrapText="1"/>
    </xf>
    <xf numFmtId="0" fontId="40" fillId="0" borderId="84" xfId="48" applyFont="1" applyBorder="1" applyAlignment="1">
      <alignment horizontal="center" vertical="center" wrapText="1"/>
    </xf>
    <xf numFmtId="49" fontId="39" fillId="5" borderId="68" xfId="49" applyNumberFormat="1" applyFont="1" applyFill="1" applyBorder="1" applyAlignment="1">
      <alignment horizontal="left" vertical="center" wrapText="1"/>
    </xf>
    <xf numFmtId="49" fontId="39" fillId="5" borderId="12" xfId="49" applyNumberFormat="1" applyFont="1" applyFill="1" applyBorder="1" applyAlignment="1">
      <alignment horizontal="left" vertical="center" wrapText="1"/>
    </xf>
    <xf numFmtId="49" fontId="39" fillId="5" borderId="69" xfId="49" applyNumberFormat="1" applyFont="1" applyFill="1" applyBorder="1" applyAlignment="1">
      <alignment horizontal="left" vertical="center" wrapText="1"/>
    </xf>
    <xf numFmtId="49" fontId="40" fillId="0" borderId="79" xfId="0" applyNumberFormat="1" applyFont="1" applyFill="1" applyBorder="1" applyAlignment="1">
      <alignment vertical="center" wrapText="1"/>
    </xf>
    <xf numFmtId="0" fontId="40" fillId="0" borderId="19" xfId="48" applyFont="1" applyBorder="1" applyAlignment="1">
      <alignment horizontal="center" vertical="center" wrapText="1"/>
    </xf>
    <xf numFmtId="49" fontId="40" fillId="0" borderId="65" xfId="0" applyNumberFormat="1" applyFont="1" applyFill="1" applyBorder="1" applyAlignment="1">
      <alignment vertical="center" wrapText="1"/>
    </xf>
    <xf numFmtId="0" fontId="40" fillId="0" borderId="85" xfId="48" applyFont="1" applyBorder="1" applyAlignment="1">
      <alignment horizontal="center" vertical="center" wrapText="1"/>
    </xf>
    <xf numFmtId="49" fontId="40" fillId="0" borderId="66" xfId="0" applyNumberFormat="1" applyFont="1" applyFill="1" applyBorder="1" applyAlignment="1">
      <alignment vertical="center" wrapText="1"/>
    </xf>
    <xf numFmtId="0" fontId="40" fillId="0" borderId="86" xfId="0" applyFont="1" applyBorder="1" applyAlignment="1">
      <alignment horizontal="left" vertical="center" wrapText="1"/>
    </xf>
    <xf numFmtId="0" fontId="40" fillId="0" borderId="31" xfId="0" applyFont="1" applyBorder="1" applyAlignment="1">
      <alignment horizontal="left" vertical="center" wrapText="1"/>
    </xf>
    <xf numFmtId="0" fontId="40" fillId="0" borderId="46" xfId="0" applyFont="1" applyBorder="1" applyAlignment="1">
      <alignment horizontal="left" vertical="center" wrapText="1"/>
    </xf>
    <xf numFmtId="0" fontId="40" fillId="0" borderId="87" xfId="48" applyFont="1" applyBorder="1" applyAlignment="1">
      <alignment horizontal="center" vertical="center" wrapText="1"/>
    </xf>
    <xf numFmtId="0" fontId="40" fillId="0" borderId="88" xfId="48" applyFont="1" applyBorder="1" applyAlignment="1">
      <alignment horizontal="center" vertical="center" wrapText="1"/>
    </xf>
    <xf numFmtId="0" fontId="18" fillId="0" borderId="0" xfId="49" applyFont="1" applyAlignment="1">
      <alignment wrapText="1"/>
    </xf>
    <xf numFmtId="49" fontId="18" fillId="0" borderId="0" xfId="49" applyNumberFormat="1" applyFont="1" applyAlignment="1">
      <alignment wrapText="1"/>
    </xf>
    <xf numFmtId="0" fontId="18" fillId="0" borderId="0" xfId="49" applyFont="1" applyAlignment="1">
      <alignment horizontal="center" wrapText="1"/>
    </xf>
    <xf numFmtId="0" fontId="18" fillId="0" borderId="0" xfId="48" applyFont="1" applyAlignment="1" applyProtection="1">
      <alignment horizontal="left" vertical="top" wrapText="1"/>
      <protection locked="0"/>
    </xf>
    <xf numFmtId="0" fontId="19" fillId="0" borderId="0" xfId="48" applyFont="1" applyAlignment="1">
      <alignment horizontal="left" vertical="center" wrapText="1"/>
    </xf>
    <xf numFmtId="0" fontId="19" fillId="0" borderId="0" xfId="48" applyFont="1" applyAlignment="1" applyProtection="1">
      <alignment horizontal="center" vertical="top" wrapText="1"/>
      <protection locked="0"/>
    </xf>
    <xf numFmtId="0" fontId="18" fillId="0" borderId="0" xfId="48" applyFont="1" applyAlignment="1" applyProtection="1">
      <alignment horizontal="left" vertical="center" wrapText="1"/>
      <protection locked="0"/>
    </xf>
    <xf numFmtId="0" fontId="18" fillId="0" borderId="0" xfId="48" applyFont="1" applyAlignment="1">
      <alignment horizontal="left" vertical="center" wrapText="1"/>
    </xf>
    <xf numFmtId="49" fontId="18" fillId="0" borderId="0" xfId="48" applyNumberFormat="1" applyFont="1" applyAlignment="1" applyProtection="1">
      <alignment horizontal="center" vertical="center" wrapText="1"/>
      <protection locked="0"/>
    </xf>
    <xf numFmtId="0" fontId="18" fillId="0" borderId="0" xfId="48" applyFont="1" applyAlignment="1" applyProtection="1">
      <alignment horizontal="left" vertical="center" wrapText="1"/>
      <protection locked="0"/>
    </xf>
    <xf numFmtId="0" fontId="18" fillId="0" borderId="0" xfId="48" applyFont="1" applyAlignment="1">
      <alignment horizontal="left" vertical="center" wrapText="1"/>
    </xf>
    <xf numFmtId="0" fontId="18" fillId="0" borderId="0" xfId="48" applyFont="1" applyProtection="1">
      <protection locked="0"/>
    </xf>
    <xf numFmtId="14" fontId="18" fillId="0" borderId="0" xfId="48" applyNumberFormat="1" applyFont="1" applyAlignment="1">
      <alignment horizontal="left" vertical="center" wrapText="1"/>
    </xf>
    <xf numFmtId="0" fontId="18" fillId="0" borderId="1" xfId="48" applyFont="1" applyBorder="1" applyAlignment="1" applyProtection="1">
      <alignment wrapText="1"/>
      <protection locked="0"/>
    </xf>
    <xf numFmtId="49" fontId="18" fillId="0" borderId="0" xfId="48" applyNumberFormat="1" applyFont="1" applyAlignment="1" applyProtection="1">
      <alignment wrapText="1"/>
      <protection locked="0"/>
    </xf>
    <xf numFmtId="0" fontId="18" fillId="0" borderId="0" xfId="48" applyFont="1" applyAlignment="1">
      <alignment horizontal="right" vertical="center"/>
    </xf>
    <xf numFmtId="0" fontId="18" fillId="0" borderId="0" xfId="48" applyFont="1" applyAlignment="1">
      <alignment wrapText="1"/>
    </xf>
    <xf numFmtId="0" fontId="18" fillId="0" borderId="0" xfId="48" applyFont="1"/>
    <xf numFmtId="0" fontId="18" fillId="0" borderId="0" xfId="48" applyFont="1" applyAlignment="1">
      <alignment horizontal="center"/>
    </xf>
    <xf numFmtId="0" fontId="18" fillId="2" borderId="2" xfId="48" applyFont="1" applyFill="1" applyBorder="1" applyAlignment="1" applyProtection="1">
      <alignment wrapText="1"/>
      <protection locked="0"/>
    </xf>
    <xf numFmtId="0" fontId="18" fillId="0" borderId="11" xfId="48" applyFont="1" applyBorder="1" applyAlignment="1" applyProtection="1">
      <alignment horizontal="left" vertical="center"/>
      <protection locked="0"/>
    </xf>
    <xf numFmtId="0" fontId="18" fillId="0" borderId="0" xfId="48" applyFont="1" applyAlignment="1">
      <alignment vertical="center" wrapText="1"/>
    </xf>
    <xf numFmtId="49" fontId="18" fillId="0" borderId="0" xfId="48" applyNumberFormat="1" applyFont="1" applyAlignment="1">
      <alignment wrapText="1"/>
    </xf>
    <xf numFmtId="0" fontId="18" fillId="0" borderId="0" xfId="48" applyFont="1" applyAlignment="1">
      <alignment horizontal="center" wrapText="1"/>
    </xf>
    <xf numFmtId="0" fontId="18" fillId="0" borderId="0" xfId="47" applyFont="1" applyAlignment="1">
      <alignment horizontal="left"/>
    </xf>
    <xf numFmtId="0" fontId="23" fillId="0" borderId="0" xfId="50" applyFont="1" applyAlignment="1" applyProtection="1">
      <alignment horizontal="center" vertical="center" wrapText="1"/>
      <protection locked="0"/>
    </xf>
    <xf numFmtId="0" fontId="32" fillId="0" borderId="0" xfId="0" applyFont="1"/>
    <xf numFmtId="0" fontId="19" fillId="0" borderId="0" xfId="50" applyFont="1" applyFill="1" applyAlignment="1" applyProtection="1">
      <alignment horizontal="left" vertical="center" wrapText="1"/>
      <protection locked="0"/>
    </xf>
    <xf numFmtId="0" fontId="19" fillId="0" borderId="0" xfId="51" applyFont="1" applyBorder="1" applyAlignment="1" applyProtection="1">
      <alignment horizontal="left" vertical="center" wrapText="1"/>
      <protection locked="0"/>
    </xf>
    <xf numFmtId="0" fontId="19" fillId="0" borderId="33" xfId="51" applyFont="1" applyBorder="1" applyAlignment="1" applyProtection="1">
      <alignment horizontal="center" vertical="top" wrapText="1"/>
      <protection locked="0"/>
    </xf>
    <xf numFmtId="0" fontId="19" fillId="0" borderId="33" xfId="51" applyFont="1" applyBorder="1" applyAlignment="1" applyProtection="1">
      <alignment horizontal="center" vertical="top" wrapText="1"/>
      <protection locked="0"/>
    </xf>
    <xf numFmtId="0" fontId="19" fillId="0" borderId="47" xfId="51" applyFont="1" applyBorder="1" applyAlignment="1" applyProtection="1">
      <alignment horizontal="center" vertical="top" wrapText="1"/>
      <protection locked="0"/>
    </xf>
    <xf numFmtId="0" fontId="19" fillId="0" borderId="41" xfId="51" applyFont="1" applyBorder="1" applyAlignment="1" applyProtection="1">
      <alignment horizontal="center" vertical="top" wrapText="1"/>
      <protection locked="0"/>
    </xf>
    <xf numFmtId="0" fontId="19" fillId="0" borderId="18" xfId="51" applyFont="1" applyBorder="1" applyAlignment="1" applyProtection="1">
      <alignment horizontal="center" vertical="top" wrapText="1"/>
      <protection locked="0"/>
    </xf>
    <xf numFmtId="0" fontId="19" fillId="0" borderId="36" xfId="51" applyFont="1" applyBorder="1" applyAlignment="1" applyProtection="1">
      <alignment horizontal="center" vertical="top" wrapText="1"/>
      <protection locked="0"/>
    </xf>
    <xf numFmtId="0" fontId="19" fillId="0" borderId="36" xfId="51" applyFont="1" applyBorder="1" applyAlignment="1" applyProtection="1">
      <alignment horizontal="center" vertical="top" wrapText="1"/>
      <protection locked="0"/>
    </xf>
    <xf numFmtId="0" fontId="18" fillId="0" borderId="48" xfId="51" applyFont="1" applyBorder="1" applyAlignment="1" applyProtection="1">
      <alignment horizontal="center" vertical="center" wrapText="1"/>
      <protection locked="0"/>
    </xf>
    <xf numFmtId="0" fontId="18" fillId="0" borderId="49" xfId="51" applyFont="1" applyBorder="1" applyAlignment="1" applyProtection="1">
      <alignment horizontal="center" vertical="center" wrapText="1"/>
      <protection locked="0"/>
    </xf>
    <xf numFmtId="0" fontId="18" fillId="0" borderId="50" xfId="51" applyFont="1" applyBorder="1" applyAlignment="1" applyProtection="1">
      <alignment horizontal="center" vertical="center" wrapText="1"/>
      <protection locked="0"/>
    </xf>
    <xf numFmtId="0" fontId="19" fillId="0" borderId="32" xfId="51" applyFont="1" applyBorder="1" applyAlignment="1" applyProtection="1">
      <alignment horizontal="center" vertical="top" wrapText="1"/>
      <protection locked="0"/>
    </xf>
    <xf numFmtId="0" fontId="26" fillId="2" borderId="51" xfId="51" applyFont="1" applyFill="1" applyBorder="1" applyAlignment="1" applyProtection="1">
      <alignment horizontal="center" vertical="top" wrapText="1"/>
      <protection locked="0"/>
    </xf>
    <xf numFmtId="0" fontId="26" fillId="2" borderId="2" xfId="51" applyFont="1" applyFill="1" applyBorder="1" applyAlignment="1" applyProtection="1">
      <alignment horizontal="center" vertical="top" wrapText="1"/>
      <protection locked="0"/>
    </xf>
    <xf numFmtId="0" fontId="26" fillId="2" borderId="52" xfId="51" applyFont="1" applyFill="1" applyBorder="1" applyAlignment="1" applyProtection="1">
      <alignment horizontal="center" vertical="top" wrapText="1"/>
      <protection locked="0"/>
    </xf>
    <xf numFmtId="0" fontId="26" fillId="2" borderId="53" xfId="51" applyFont="1" applyFill="1" applyBorder="1" applyAlignment="1" applyProtection="1">
      <alignment horizontal="center" vertical="top" wrapText="1"/>
      <protection locked="0"/>
    </xf>
    <xf numFmtId="0" fontId="26" fillId="2" borderId="2" xfId="51" applyFont="1" applyFill="1" applyBorder="1" applyAlignment="1" applyProtection="1">
      <alignment horizontal="center" vertical="center" wrapText="1"/>
      <protection locked="0"/>
    </xf>
    <xf numFmtId="0" fontId="26" fillId="2" borderId="53" xfId="51" applyFont="1" applyFill="1" applyBorder="1" applyAlignment="1" applyProtection="1">
      <alignment horizontal="center" vertical="center" wrapText="1"/>
      <protection locked="0"/>
    </xf>
    <xf numFmtId="0" fontId="26" fillId="2" borderId="54" xfId="51" applyFont="1" applyFill="1" applyBorder="1" applyAlignment="1" applyProtection="1">
      <alignment horizontal="center" vertical="center" wrapText="1"/>
      <protection locked="0"/>
    </xf>
    <xf numFmtId="0" fontId="26" fillId="2" borderId="55" xfId="51" applyFont="1" applyFill="1" applyBorder="1" applyAlignment="1" applyProtection="1">
      <alignment horizontal="center" vertical="center" wrapText="1"/>
      <protection locked="0"/>
    </xf>
    <xf numFmtId="0" fontId="26" fillId="2" borderId="56" xfId="51" applyFont="1" applyFill="1" applyBorder="1" applyAlignment="1" applyProtection="1">
      <alignment horizontal="center" vertical="top" wrapText="1"/>
      <protection locked="0"/>
    </xf>
    <xf numFmtId="49" fontId="18" fillId="0" borderId="57" xfId="51" applyNumberFormat="1" applyFont="1" applyBorder="1" applyAlignment="1" applyProtection="1">
      <alignment horizontal="center" vertical="center" wrapText="1"/>
      <protection locked="0"/>
    </xf>
    <xf numFmtId="49" fontId="18" fillId="0" borderId="30" xfId="51" applyNumberFormat="1" applyFont="1" applyBorder="1" applyAlignment="1" applyProtection="1">
      <alignment horizontal="left" vertical="center" wrapText="1"/>
      <protection locked="0"/>
    </xf>
    <xf numFmtId="49" fontId="18" fillId="0" borderId="57" xfId="51" applyNumberFormat="1" applyFont="1" applyBorder="1" applyAlignment="1" applyProtection="1">
      <alignment horizontal="left" vertical="center" wrapText="1"/>
      <protection locked="0"/>
    </xf>
    <xf numFmtId="49" fontId="18" fillId="0" borderId="35" xfId="51" applyNumberFormat="1" applyFont="1" applyBorder="1" applyAlignment="1" applyProtection="1">
      <alignment horizontal="center" vertical="center" wrapText="1"/>
      <protection locked="0"/>
    </xf>
    <xf numFmtId="49" fontId="37" fillId="0" borderId="35" xfId="51" applyNumberFormat="1" applyFont="1" applyBorder="1" applyAlignment="1" applyProtection="1">
      <alignment horizontal="center" vertical="center" wrapText="1"/>
      <protection locked="0"/>
    </xf>
    <xf numFmtId="164" fontId="18" fillId="0" borderId="30" xfId="51" applyNumberFormat="1" applyFont="1" applyBorder="1" applyAlignment="1" applyProtection="1">
      <alignment horizontal="right" vertical="center" wrapText="1"/>
      <protection locked="0"/>
    </xf>
    <xf numFmtId="9" fontId="18" fillId="0" borderId="58" xfId="51" applyNumberFormat="1" applyFont="1" applyBorder="1" applyAlignment="1" applyProtection="1">
      <alignment horizontal="center" vertical="center" wrapText="1"/>
      <protection locked="0"/>
    </xf>
    <xf numFmtId="164" fontId="18" fillId="0" borderId="43" xfId="51" applyNumberFormat="1" applyFont="1" applyBorder="1" applyAlignment="1" applyProtection="1">
      <alignment horizontal="right" vertical="center" wrapText="1"/>
      <protection locked="0"/>
    </xf>
    <xf numFmtId="3" fontId="19" fillId="0" borderId="59" xfId="51" applyNumberFormat="1" applyFont="1" applyFill="1" applyBorder="1" applyAlignment="1" applyProtection="1">
      <alignment horizontal="center" vertical="center" wrapText="1"/>
      <protection locked="0"/>
    </xf>
    <xf numFmtId="49" fontId="18" fillId="0" borderId="34" xfId="51" applyNumberFormat="1" applyFont="1" applyBorder="1" applyAlignment="1" applyProtection="1">
      <alignment horizontal="center" vertical="center" wrapText="1"/>
      <protection locked="0"/>
    </xf>
    <xf numFmtId="49" fontId="18" fillId="0" borderId="1" xfId="51" applyNumberFormat="1" applyFont="1" applyBorder="1" applyAlignment="1" applyProtection="1">
      <alignment horizontal="left" vertical="center" wrapText="1"/>
      <protection locked="0"/>
    </xf>
    <xf numFmtId="49" fontId="18" fillId="0" borderId="34" xfId="51" applyNumberFormat="1" applyFont="1" applyBorder="1" applyAlignment="1" applyProtection="1">
      <alignment horizontal="left" vertical="center" wrapText="1"/>
      <protection locked="0"/>
    </xf>
    <xf numFmtId="3" fontId="19" fillId="0" borderId="23" xfId="51" applyNumberFormat="1" applyFont="1" applyFill="1" applyBorder="1" applyAlignment="1" applyProtection="1">
      <alignment horizontal="center" vertical="center" wrapText="1"/>
      <protection locked="0"/>
    </xf>
    <xf numFmtId="49" fontId="18" fillId="0" borderId="60" xfId="51" applyNumberFormat="1" applyFont="1" applyBorder="1" applyAlignment="1" applyProtection="1">
      <alignment horizontal="center" vertical="center" wrapText="1"/>
      <protection locked="0"/>
    </xf>
    <xf numFmtId="49" fontId="18" fillId="0" borderId="61" xfId="51" applyNumberFormat="1" applyFont="1" applyBorder="1" applyAlignment="1" applyProtection="1">
      <alignment horizontal="left" vertical="center" wrapText="1"/>
      <protection locked="0"/>
    </xf>
    <xf numFmtId="49" fontId="18" fillId="0" borderId="60" xfId="51" applyNumberFormat="1" applyFont="1" applyBorder="1" applyAlignment="1" applyProtection="1">
      <alignment horizontal="left" vertical="center" wrapText="1"/>
      <protection locked="0"/>
    </xf>
    <xf numFmtId="164" fontId="18" fillId="0" borderId="62" xfId="51" applyNumberFormat="1" applyFont="1" applyBorder="1" applyAlignment="1" applyProtection="1">
      <alignment horizontal="right" vertical="center" wrapText="1"/>
      <protection locked="0"/>
    </xf>
    <xf numFmtId="9" fontId="18" fillId="0" borderId="63" xfId="51" applyNumberFormat="1" applyFont="1" applyBorder="1" applyAlignment="1" applyProtection="1">
      <alignment horizontal="center" vertical="center" wrapText="1"/>
      <protection locked="0"/>
    </xf>
    <xf numFmtId="164" fontId="18" fillId="0" borderId="64" xfId="51" applyNumberFormat="1" applyFont="1" applyBorder="1" applyAlignment="1" applyProtection="1">
      <alignment horizontal="right" vertical="center" wrapText="1"/>
      <protection locked="0"/>
    </xf>
    <xf numFmtId="3" fontId="19" fillId="0" borderId="9" xfId="51" applyNumberFormat="1" applyFont="1" applyFill="1" applyBorder="1" applyAlignment="1" applyProtection="1">
      <alignment horizontal="center" vertical="center" wrapText="1"/>
      <protection locked="0"/>
    </xf>
    <xf numFmtId="49" fontId="18" fillId="0" borderId="0" xfId="51" applyNumberFormat="1" applyFont="1" applyBorder="1" applyAlignment="1" applyProtection="1">
      <alignment horizontal="center" vertical="center" wrapText="1"/>
      <protection locked="0"/>
    </xf>
    <xf numFmtId="49" fontId="18" fillId="0" borderId="0" xfId="51" applyNumberFormat="1" applyFont="1" applyBorder="1" applyAlignment="1" applyProtection="1">
      <alignment horizontal="left" vertical="center" wrapText="1"/>
      <protection locked="0"/>
    </xf>
    <xf numFmtId="164" fontId="18" fillId="0" borderId="0" xfId="51" applyNumberFormat="1" applyFont="1" applyBorder="1" applyAlignment="1" applyProtection="1">
      <alignment horizontal="right" vertical="center" wrapText="1"/>
      <protection locked="0"/>
    </xf>
    <xf numFmtId="9" fontId="18" fillId="0" borderId="0" xfId="51" applyNumberFormat="1" applyFont="1" applyBorder="1" applyAlignment="1" applyProtection="1">
      <alignment horizontal="center" vertical="center" wrapText="1"/>
      <protection locked="0"/>
    </xf>
    <xf numFmtId="3" fontId="19" fillId="0" borderId="0" xfId="51" applyNumberFormat="1" applyFont="1" applyFill="1" applyBorder="1" applyAlignment="1" applyProtection="1">
      <alignment horizontal="center" vertical="center" wrapText="1"/>
      <protection locked="0"/>
    </xf>
    <xf numFmtId="49" fontId="26" fillId="0" borderId="0" xfId="51" applyNumberFormat="1" applyFont="1" applyBorder="1" applyAlignment="1" applyProtection="1">
      <alignment horizontal="left" wrapText="1"/>
      <protection locked="0"/>
    </xf>
    <xf numFmtId="49" fontId="22" fillId="0" borderId="0" xfId="50" applyNumberFormat="1" applyFont="1" applyAlignment="1" applyProtection="1">
      <alignment horizontal="left" wrapText="1"/>
      <protection locked="0"/>
    </xf>
    <xf numFmtId="49" fontId="22" fillId="0" borderId="0" xfId="50" applyNumberFormat="1" applyFont="1" applyAlignment="1" applyProtection="1">
      <alignment horizontal="left" wrapText="1"/>
      <protection locked="0"/>
    </xf>
    <xf numFmtId="49" fontId="22" fillId="0" borderId="0" xfId="50" applyNumberFormat="1" applyFont="1" applyAlignment="1" applyProtection="1">
      <alignment horizontal="center" wrapText="1"/>
      <protection locked="0"/>
    </xf>
    <xf numFmtId="0" fontId="18" fillId="0" borderId="0" xfId="50" applyFont="1" applyAlignment="1" applyProtection="1">
      <alignment horizontal="center"/>
      <protection locked="0"/>
    </xf>
    <xf numFmtId="0" fontId="18" fillId="0" borderId="0" xfId="50" applyFont="1" applyBorder="1" applyAlignment="1">
      <alignment horizontal="center" vertical="center" wrapText="1"/>
    </xf>
    <xf numFmtId="0" fontId="38" fillId="0" borderId="0" xfId="0" applyFont="1" applyFill="1" applyBorder="1" applyAlignment="1" applyProtection="1">
      <alignment horizontal="left" vertical="center" wrapText="1"/>
      <protection locked="0"/>
    </xf>
    <xf numFmtId="0" fontId="18" fillId="0" borderId="0" xfId="50" applyFont="1" applyAlignment="1" applyProtection="1">
      <alignment horizontal="left" vertical="center" wrapText="1"/>
      <protection locked="0"/>
    </xf>
    <xf numFmtId="0" fontId="19" fillId="0" borderId="0" xfId="50" applyFont="1" applyAlignment="1">
      <alignment horizontal="left" vertical="center" wrapText="1"/>
    </xf>
    <xf numFmtId="0" fontId="18" fillId="0" borderId="0" xfId="50" applyFont="1" applyAlignment="1">
      <alignment horizontal="left" vertical="center" wrapText="1"/>
    </xf>
    <xf numFmtId="0" fontId="18" fillId="0" borderId="0" xfId="50" applyFont="1" applyAlignment="1" applyProtection="1">
      <alignment wrapText="1"/>
      <protection locked="0"/>
    </xf>
    <xf numFmtId="0" fontId="18" fillId="0" borderId="0" xfId="50" applyFont="1" applyAlignment="1" applyProtection="1">
      <alignment horizontal="left" wrapText="1"/>
      <protection locked="0"/>
    </xf>
    <xf numFmtId="0" fontId="18" fillId="0" borderId="0" xfId="50" applyFont="1" applyAlignment="1" applyProtection="1">
      <alignment vertical="center" wrapText="1"/>
      <protection locked="0"/>
    </xf>
    <xf numFmtId="0" fontId="18" fillId="0" borderId="0" xfId="50" applyFont="1" applyAlignment="1" applyProtection="1">
      <alignment horizontal="left" vertical="center" wrapText="1"/>
      <protection locked="0"/>
    </xf>
    <xf numFmtId="0" fontId="18" fillId="0" borderId="0" xfId="50" applyFont="1" applyAlignment="1" applyProtection="1">
      <alignment horizontal="left"/>
      <protection locked="0"/>
    </xf>
    <xf numFmtId="0" fontId="18" fillId="0" borderId="0" xfId="50" applyFont="1" applyProtection="1">
      <protection locked="0"/>
    </xf>
    <xf numFmtId="14" fontId="18" fillId="0" borderId="0" xfId="50" applyNumberFormat="1" applyFont="1" applyAlignment="1" applyProtection="1">
      <alignment horizontal="left" vertical="center" wrapText="1"/>
      <protection locked="0"/>
    </xf>
    <xf numFmtId="0" fontId="18" fillId="0" borderId="0" xfId="47" applyFont="1" applyAlignment="1">
      <alignment horizontal="right" vertical="center"/>
    </xf>
    <xf numFmtId="0" fontId="19" fillId="0" borderId="24" xfId="47" applyFont="1" applyBorder="1" applyAlignment="1">
      <alignment horizontal="left" vertical="center" wrapText="1"/>
    </xf>
    <xf numFmtId="0" fontId="32" fillId="0" borderId="0" xfId="0" applyFont="1" applyBorder="1" applyAlignment="1">
      <alignment vertical="top" wrapText="1"/>
    </xf>
    <xf numFmtId="0" fontId="18" fillId="0" borderId="0" xfId="47" applyFont="1" applyAlignment="1">
      <alignment horizontal="center" vertical="top"/>
    </xf>
    <xf numFmtId="0" fontId="18" fillId="2" borderId="2" xfId="50" applyFont="1" applyFill="1" applyBorder="1" applyAlignment="1" applyProtection="1">
      <alignment wrapText="1"/>
      <protection locked="0"/>
    </xf>
    <xf numFmtId="0" fontId="18" fillId="0" borderId="11" xfId="50" applyFont="1" applyBorder="1" applyAlignment="1" applyProtection="1">
      <alignment horizontal="left" vertical="center" wrapText="1"/>
      <protection locked="0"/>
    </xf>
    <xf numFmtId="0" fontId="18" fillId="0" borderId="0" xfId="50" applyFont="1" applyAlignment="1" applyProtection="1">
      <alignment vertical="center"/>
      <protection locked="0"/>
    </xf>
    <xf numFmtId="164" fontId="18" fillId="3" borderId="17" xfId="50" applyNumberFormat="1" applyFont="1" applyFill="1" applyBorder="1" applyAlignment="1" applyProtection="1">
      <alignment horizontal="right"/>
      <protection locked="0"/>
    </xf>
    <xf numFmtId="49" fontId="18" fillId="0" borderId="0" xfId="50" applyNumberFormat="1" applyFont="1" applyAlignment="1" applyProtection="1">
      <alignment vertical="center"/>
      <protection locked="0"/>
    </xf>
    <xf numFmtId="0" fontId="18" fillId="0" borderId="0" xfId="50" applyFont="1" applyAlignment="1" applyProtection="1">
      <alignment horizontal="center" vertical="top"/>
      <protection locked="0"/>
    </xf>
  </cellXfs>
  <cellStyles count="52">
    <cellStyle name="Hypertextové prepojenie" xfId="2" builtinId="8"/>
    <cellStyle name="Normálna 2" xfId="1"/>
    <cellStyle name="Normálna 2 10" xfId="37"/>
    <cellStyle name="Normálna 2 11" xfId="42"/>
    <cellStyle name="Normálna 2 12" xfId="47"/>
    <cellStyle name="Normálna 2 2" xfId="7"/>
    <cellStyle name="Normálna 2 3" xfId="9"/>
    <cellStyle name="Normálna 2 3 2" xfId="17"/>
    <cellStyle name="Normálna 2 3 2 2" xfId="29"/>
    <cellStyle name="Normálna 2 3 2 3" xfId="34"/>
    <cellStyle name="Normálna 2 3 2 4" xfId="38"/>
    <cellStyle name="Normálna 2 3 2 5" xfId="43"/>
    <cellStyle name="Normálna 2 3 2 6" xfId="48"/>
    <cellStyle name="Normálna 2 3 3" xfId="21"/>
    <cellStyle name="Normálna 2 3 4" xfId="23"/>
    <cellStyle name="Normálna 2 4" xfId="13"/>
    <cellStyle name="Normálna 2 5" xfId="19"/>
    <cellStyle name="Normálna 2 6" xfId="24"/>
    <cellStyle name="Normálna 2 6 2" xfId="26"/>
    <cellStyle name="Normálna 2 7" xfId="25"/>
    <cellStyle name="Normálna 2 8" xfId="28"/>
    <cellStyle name="Normálna 2 9" xfId="33"/>
    <cellStyle name="Normálna 3" xfId="4"/>
    <cellStyle name="Normálna 3 2" xfId="20"/>
    <cellStyle name="Normálna 4" xfId="5"/>
    <cellStyle name="Normálna 4 2" xfId="10"/>
    <cellStyle name="Normálna 4 2 2" xfId="18"/>
    <cellStyle name="Normálna 4 2 2 2" xfId="30"/>
    <cellStyle name="Normálna 4 2 2 3" xfId="35"/>
    <cellStyle name="Normálna 4 2 2 4" xfId="39"/>
    <cellStyle name="Normálna 4 2 2 5" xfId="44"/>
    <cellStyle name="Normálna 4 2 2 6" xfId="49"/>
    <cellStyle name="Normálna 5" xfId="8"/>
    <cellStyle name="Normálna 5 2" xfId="32"/>
    <cellStyle name="Normálna 5 3" xfId="36"/>
    <cellStyle name="Normálna 5 4" xfId="40"/>
    <cellStyle name="Normálna 5 5" xfId="45"/>
    <cellStyle name="Normálna 5 6" xfId="50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3" xfId="27"/>
    <cellStyle name="Normálne 4" xfId="6"/>
    <cellStyle name="Normálne 5" xfId="31"/>
    <cellStyle name="Normálne 5 2" xfId="41"/>
    <cellStyle name="Normálne 5 3" xfId="46"/>
    <cellStyle name="Normálne 5 4" xfId="51"/>
  </cellStyles>
  <dxfs count="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5</xdr:row>
          <xdr:rowOff>304800</xdr:rowOff>
        </xdr:from>
        <xdr:to>
          <xdr:col>0</xdr:col>
          <xdr:colOff>314325</xdr:colOff>
          <xdr:row>7</xdr:row>
          <xdr:rowOff>142875</xdr:rowOff>
        </xdr:to>
        <xdr:sp macro="" textlink="">
          <xdr:nvSpPr>
            <xdr:cNvPr id="28673" name="Check Box 1" hidden="1">
              <a:extLst>
                <a:ext uri="{63B3BB69-23CF-44E3-9099-C40C66FF867C}">
                  <a14:compatExt spid="_x0000_s28673"/>
                </a:ext>
                <a:ext uri="{FF2B5EF4-FFF2-40B4-BE49-F238E27FC236}">
                  <a16:creationId xmlns:a16="http://schemas.microsoft.com/office/drawing/2014/main" xmlns="" id="{9454EB39-FB6D-4358-8E16-563FCC2EFA1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19</xdr:row>
          <xdr:rowOff>276225</xdr:rowOff>
        </xdr:from>
        <xdr:to>
          <xdr:col>0</xdr:col>
          <xdr:colOff>314325</xdr:colOff>
          <xdr:row>21</xdr:row>
          <xdr:rowOff>152400</xdr:rowOff>
        </xdr:to>
        <xdr:sp macro="" textlink="">
          <xdr:nvSpPr>
            <xdr:cNvPr id="28674" name="Check Box 2" hidden="1">
              <a:extLst>
                <a:ext uri="{63B3BB69-23CF-44E3-9099-C40C66FF867C}">
                  <a14:compatExt spid="_x0000_s28674"/>
                </a:ext>
                <a:ext uri="{FF2B5EF4-FFF2-40B4-BE49-F238E27FC236}">
                  <a16:creationId xmlns:a16="http://schemas.microsoft.com/office/drawing/2014/main" xmlns="" id="{2CE7A0AE-B8BF-4ED3-BB7E-1135EC4A3A0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J80"/>
  <sheetViews>
    <sheetView showGridLines="0" tabSelected="1" zoomScaleNormal="100" workbookViewId="0">
      <selection activeCell="B2" sqref="B2:H2"/>
    </sheetView>
  </sheetViews>
  <sheetFormatPr defaultColWidth="9.140625" defaultRowHeight="12"/>
  <cols>
    <col min="1" max="1" width="2.7109375" style="143" customWidth="1"/>
    <col min="2" max="2" width="7.42578125" style="143" customWidth="1"/>
    <col min="3" max="3" width="6.140625" style="144" bestFit="1" customWidth="1"/>
    <col min="4" max="4" width="6.7109375" style="143" bestFit="1" customWidth="1"/>
    <col min="5" max="5" width="8.28515625" style="144" bestFit="1" customWidth="1"/>
    <col min="6" max="6" width="44.28515625" style="143" customWidth="1"/>
    <col min="7" max="7" width="19.28515625" style="145" customWidth="1"/>
    <col min="8" max="8" width="25.140625" style="143" customWidth="1"/>
    <col min="9" max="9" width="13.42578125" style="143" customWidth="1"/>
    <col min="10" max="10" width="11.7109375" style="143" bestFit="1" customWidth="1"/>
    <col min="11" max="16384" width="9.140625" style="143"/>
  </cols>
  <sheetData>
    <row r="1" spans="2:10" s="61" customFormat="1" ht="20.100000000000001" customHeight="1">
      <c r="B1" s="60" t="s">
        <v>5</v>
      </c>
      <c r="C1" s="60"/>
    </row>
    <row r="2" spans="2:10" s="65" customFormat="1" ht="30" customHeight="1">
      <c r="B2" s="62" t="s">
        <v>60</v>
      </c>
      <c r="C2" s="63"/>
      <c r="D2" s="63"/>
      <c r="E2" s="63"/>
      <c r="F2" s="63"/>
      <c r="G2" s="63"/>
      <c r="H2" s="64"/>
    </row>
    <row r="3" spans="2:10" s="68" customFormat="1" ht="15" customHeight="1">
      <c r="B3" s="66"/>
      <c r="C3" s="66"/>
      <c r="D3" s="66"/>
      <c r="E3" s="66"/>
      <c r="F3" s="66"/>
      <c r="G3" s="66"/>
      <c r="H3" s="66"/>
      <c r="I3" s="67"/>
      <c r="J3" s="67"/>
    </row>
    <row r="4" spans="2:10" s="71" customFormat="1" ht="18.95" customHeight="1">
      <c r="B4" s="69" t="s">
        <v>23</v>
      </c>
      <c r="C4" s="69"/>
      <c r="D4" s="69"/>
      <c r="E4" s="69"/>
      <c r="F4" s="69"/>
      <c r="G4" s="69"/>
      <c r="H4" s="69"/>
      <c r="I4" s="70"/>
      <c r="J4" s="70"/>
    </row>
    <row r="5" spans="2:10" s="71" customFormat="1" ht="20.25" customHeight="1">
      <c r="B5" s="72" t="s">
        <v>60</v>
      </c>
      <c r="C5" s="73"/>
      <c r="D5" s="73"/>
      <c r="E5" s="73"/>
      <c r="F5" s="73"/>
      <c r="G5" s="73"/>
      <c r="H5" s="74"/>
      <c r="I5" s="70"/>
      <c r="J5" s="70"/>
    </row>
    <row r="6" spans="2:10" s="77" customFormat="1" ht="12" customHeight="1" thickBot="1">
      <c r="B6" s="75"/>
      <c r="C6" s="76"/>
      <c r="E6" s="76"/>
      <c r="G6" s="78"/>
    </row>
    <row r="7" spans="2:10" s="84" customFormat="1" ht="50.1" customHeight="1">
      <c r="B7" s="79" t="s">
        <v>26</v>
      </c>
      <c r="C7" s="80"/>
      <c r="D7" s="80"/>
      <c r="E7" s="80"/>
      <c r="F7" s="81"/>
      <c r="G7" s="82" t="s">
        <v>47</v>
      </c>
      <c r="H7" s="83"/>
      <c r="I7" s="15"/>
    </row>
    <row r="8" spans="2:10" s="84" customFormat="1" ht="33" customHeight="1" thickBot="1">
      <c r="B8" s="85"/>
      <c r="C8" s="86"/>
      <c r="D8" s="86"/>
      <c r="E8" s="86"/>
      <c r="F8" s="87"/>
      <c r="G8" s="88" t="s">
        <v>48</v>
      </c>
      <c r="H8" s="89" t="s">
        <v>61</v>
      </c>
      <c r="I8" s="15"/>
    </row>
    <row r="9" spans="2:10" s="84" customFormat="1" ht="24.95" customHeight="1">
      <c r="B9" s="90" t="s">
        <v>62</v>
      </c>
      <c r="C9" s="91"/>
      <c r="D9" s="91"/>
      <c r="E9" s="91"/>
      <c r="F9" s="91"/>
      <c r="G9" s="91"/>
      <c r="H9" s="92"/>
      <c r="I9" s="15"/>
    </row>
    <row r="10" spans="2:10" s="99" customFormat="1" ht="30" customHeight="1">
      <c r="B10" s="93" t="s">
        <v>0</v>
      </c>
      <c r="C10" s="94" t="s">
        <v>63</v>
      </c>
      <c r="D10" s="95"/>
      <c r="E10" s="95"/>
      <c r="F10" s="96"/>
      <c r="G10" s="97"/>
      <c r="H10" s="98"/>
    </row>
    <row r="11" spans="2:10" s="99" customFormat="1" ht="30" customHeight="1">
      <c r="B11" s="93" t="s">
        <v>1</v>
      </c>
      <c r="C11" s="100" t="s">
        <v>64</v>
      </c>
      <c r="D11" s="101"/>
      <c r="E11" s="101"/>
      <c r="F11" s="102"/>
      <c r="G11" s="103"/>
      <c r="H11" s="104"/>
    </row>
    <row r="12" spans="2:10" s="99" customFormat="1" ht="30" customHeight="1">
      <c r="B12" s="105" t="s">
        <v>65</v>
      </c>
      <c r="C12" s="100" t="s">
        <v>66</v>
      </c>
      <c r="D12" s="101"/>
      <c r="E12" s="101"/>
      <c r="F12" s="102"/>
      <c r="G12" s="106"/>
      <c r="H12" s="107"/>
    </row>
    <row r="13" spans="2:10" s="99" customFormat="1" ht="30" customHeight="1">
      <c r="B13" s="93" t="s">
        <v>2</v>
      </c>
      <c r="C13" s="100" t="s">
        <v>67</v>
      </c>
      <c r="D13" s="101"/>
      <c r="E13" s="101"/>
      <c r="F13" s="102"/>
      <c r="G13" s="106"/>
      <c r="H13" s="107"/>
    </row>
    <row r="14" spans="2:10" s="99" customFormat="1" ht="30" customHeight="1">
      <c r="B14" s="93" t="s">
        <v>3</v>
      </c>
      <c r="C14" s="100" t="s">
        <v>68</v>
      </c>
      <c r="D14" s="101"/>
      <c r="E14" s="101"/>
      <c r="F14" s="102"/>
      <c r="G14" s="108"/>
      <c r="H14" s="107"/>
    </row>
    <row r="15" spans="2:10" s="99" customFormat="1" ht="30" customHeight="1">
      <c r="B15" s="93" t="s">
        <v>4</v>
      </c>
      <c r="C15" s="100" t="s">
        <v>69</v>
      </c>
      <c r="D15" s="101"/>
      <c r="E15" s="101"/>
      <c r="F15" s="102"/>
      <c r="G15" s="106"/>
      <c r="H15" s="109"/>
    </row>
    <row r="16" spans="2:10" s="99" customFormat="1" ht="30" customHeight="1">
      <c r="B16" s="105" t="s">
        <v>70</v>
      </c>
      <c r="C16" s="100" t="s">
        <v>71</v>
      </c>
      <c r="D16" s="101"/>
      <c r="E16" s="101"/>
      <c r="F16" s="102"/>
      <c r="G16" s="110"/>
      <c r="H16" s="104"/>
    </row>
    <row r="17" spans="2:8" s="99" customFormat="1" ht="30" customHeight="1">
      <c r="B17" s="93" t="s">
        <v>13</v>
      </c>
      <c r="C17" s="100" t="s">
        <v>72</v>
      </c>
      <c r="D17" s="101"/>
      <c r="E17" s="101"/>
      <c r="F17" s="102"/>
      <c r="G17" s="97"/>
      <c r="H17" s="111"/>
    </row>
    <row r="18" spans="2:8" s="99" customFormat="1" ht="30" customHeight="1">
      <c r="B18" s="105" t="s">
        <v>73</v>
      </c>
      <c r="C18" s="100" t="s">
        <v>74</v>
      </c>
      <c r="D18" s="101"/>
      <c r="E18" s="101"/>
      <c r="F18" s="102"/>
      <c r="G18" s="97"/>
      <c r="H18" s="111"/>
    </row>
    <row r="19" spans="2:8" s="99" customFormat="1" ht="30" customHeight="1">
      <c r="B19" s="105" t="s">
        <v>75</v>
      </c>
      <c r="C19" s="100" t="s">
        <v>76</v>
      </c>
      <c r="D19" s="101"/>
      <c r="E19" s="101"/>
      <c r="F19" s="102"/>
      <c r="G19" s="97"/>
      <c r="H19" s="111"/>
    </row>
    <row r="20" spans="2:8" s="99" customFormat="1" ht="30" customHeight="1">
      <c r="B20" s="105" t="s">
        <v>77</v>
      </c>
      <c r="C20" s="100" t="s">
        <v>78</v>
      </c>
      <c r="D20" s="101"/>
      <c r="E20" s="101"/>
      <c r="F20" s="102"/>
      <c r="G20" s="97"/>
      <c r="H20" s="111"/>
    </row>
    <row r="21" spans="2:8" s="99" customFormat="1" ht="30" customHeight="1">
      <c r="B21" s="105" t="s">
        <v>79</v>
      </c>
      <c r="C21" s="100" t="s">
        <v>80</v>
      </c>
      <c r="D21" s="101"/>
      <c r="E21" s="101"/>
      <c r="F21" s="102"/>
      <c r="G21" s="97"/>
      <c r="H21" s="111"/>
    </row>
    <row r="22" spans="2:8" s="99" customFormat="1" ht="41.25" customHeight="1">
      <c r="B22" s="112" t="s">
        <v>57</v>
      </c>
      <c r="C22" s="113" t="s">
        <v>81</v>
      </c>
      <c r="D22" s="114"/>
      <c r="E22" s="114"/>
      <c r="F22" s="115"/>
      <c r="G22" s="103"/>
      <c r="H22" s="116"/>
    </row>
    <row r="23" spans="2:8" s="99" customFormat="1" ht="24.75" customHeight="1">
      <c r="B23" s="117" t="s">
        <v>82</v>
      </c>
      <c r="C23" s="118"/>
      <c r="D23" s="118"/>
      <c r="E23" s="118"/>
      <c r="F23" s="118"/>
      <c r="G23" s="118"/>
      <c r="H23" s="119"/>
    </row>
    <row r="24" spans="2:8" s="99" customFormat="1" ht="30" customHeight="1">
      <c r="B24" s="120" t="s">
        <v>0</v>
      </c>
      <c r="C24" s="121" t="s">
        <v>83</v>
      </c>
      <c r="D24" s="122"/>
      <c r="E24" s="122"/>
      <c r="F24" s="123"/>
      <c r="G24" s="124"/>
      <c r="H24" s="98"/>
    </row>
    <row r="25" spans="2:8" s="99" customFormat="1" ht="30" customHeight="1">
      <c r="B25" s="93" t="s">
        <v>1</v>
      </c>
      <c r="C25" s="100" t="s">
        <v>64</v>
      </c>
      <c r="D25" s="101"/>
      <c r="E25" s="101"/>
      <c r="F25" s="102"/>
      <c r="G25" s="124"/>
      <c r="H25" s="125"/>
    </row>
    <row r="26" spans="2:8" s="99" customFormat="1" ht="30" customHeight="1">
      <c r="B26" s="105" t="s">
        <v>65</v>
      </c>
      <c r="C26" s="100" t="s">
        <v>66</v>
      </c>
      <c r="D26" s="101"/>
      <c r="E26" s="101"/>
      <c r="F26" s="102"/>
      <c r="G26" s="124"/>
      <c r="H26" s="125"/>
    </row>
    <row r="27" spans="2:8" s="99" customFormat="1" ht="30" customHeight="1">
      <c r="B27" s="93" t="s">
        <v>2</v>
      </c>
      <c r="C27" s="100" t="s">
        <v>67</v>
      </c>
      <c r="D27" s="101"/>
      <c r="E27" s="101"/>
      <c r="F27" s="102"/>
      <c r="G27" s="124"/>
      <c r="H27" s="125"/>
    </row>
    <row r="28" spans="2:8" s="99" customFormat="1" ht="30" customHeight="1">
      <c r="B28" s="93" t="s">
        <v>3</v>
      </c>
      <c r="C28" s="100" t="s">
        <v>84</v>
      </c>
      <c r="D28" s="101"/>
      <c r="E28" s="101"/>
      <c r="F28" s="102"/>
      <c r="G28" s="124"/>
      <c r="H28" s="125"/>
    </row>
    <row r="29" spans="2:8" s="99" customFormat="1" ht="30" customHeight="1">
      <c r="B29" s="93" t="s">
        <v>4</v>
      </c>
      <c r="C29" s="100" t="s">
        <v>69</v>
      </c>
      <c r="D29" s="101"/>
      <c r="E29" s="101"/>
      <c r="F29" s="102"/>
      <c r="G29" s="124"/>
      <c r="H29" s="125"/>
    </row>
    <row r="30" spans="2:8" s="99" customFormat="1" ht="30" customHeight="1">
      <c r="B30" s="105" t="s">
        <v>70</v>
      </c>
      <c r="C30" s="100" t="s">
        <v>85</v>
      </c>
      <c r="D30" s="101"/>
      <c r="E30" s="101"/>
      <c r="F30" s="102"/>
      <c r="G30" s="97"/>
      <c r="H30" s="111"/>
    </row>
    <row r="31" spans="2:8" s="99" customFormat="1" ht="30" customHeight="1">
      <c r="B31" s="93" t="s">
        <v>13</v>
      </c>
      <c r="C31" s="100" t="s">
        <v>72</v>
      </c>
      <c r="D31" s="101"/>
      <c r="E31" s="101"/>
      <c r="F31" s="102"/>
      <c r="G31" s="97"/>
      <c r="H31" s="111"/>
    </row>
    <row r="32" spans="2:8" s="99" customFormat="1" ht="30" customHeight="1">
      <c r="B32" s="105" t="s">
        <v>73</v>
      </c>
      <c r="C32" s="100" t="s">
        <v>74</v>
      </c>
      <c r="D32" s="101"/>
      <c r="E32" s="101"/>
      <c r="F32" s="102"/>
      <c r="G32" s="97"/>
      <c r="H32" s="111"/>
    </row>
    <row r="33" spans="2:8" s="99" customFormat="1" ht="30" customHeight="1">
      <c r="B33" s="105" t="s">
        <v>75</v>
      </c>
      <c r="C33" s="100" t="s">
        <v>86</v>
      </c>
      <c r="D33" s="101"/>
      <c r="E33" s="101"/>
      <c r="F33" s="102"/>
      <c r="G33" s="97"/>
      <c r="H33" s="111"/>
    </row>
    <row r="34" spans="2:8" s="99" customFormat="1" ht="30" customHeight="1">
      <c r="B34" s="105" t="s">
        <v>77</v>
      </c>
      <c r="C34" s="100" t="s">
        <v>78</v>
      </c>
      <c r="D34" s="101"/>
      <c r="E34" s="101"/>
      <c r="F34" s="102"/>
      <c r="G34" s="97"/>
      <c r="H34" s="111"/>
    </row>
    <row r="35" spans="2:8" s="99" customFormat="1" ht="30" customHeight="1">
      <c r="B35" s="105" t="s">
        <v>79</v>
      </c>
      <c r="C35" s="100" t="s">
        <v>80</v>
      </c>
      <c r="D35" s="101"/>
      <c r="E35" s="101"/>
      <c r="F35" s="102"/>
      <c r="G35" s="97"/>
      <c r="H35" s="111"/>
    </row>
    <row r="36" spans="2:8" s="99" customFormat="1" ht="39.75" customHeight="1">
      <c r="B36" s="112" t="s">
        <v>21</v>
      </c>
      <c r="C36" s="113" t="s">
        <v>81</v>
      </c>
      <c r="D36" s="114"/>
      <c r="E36" s="114"/>
      <c r="F36" s="115"/>
      <c r="G36" s="97"/>
      <c r="H36" s="116"/>
    </row>
    <row r="37" spans="2:8" s="99" customFormat="1" ht="24.75" customHeight="1">
      <c r="B37" s="117" t="s">
        <v>87</v>
      </c>
      <c r="C37" s="118"/>
      <c r="D37" s="118"/>
      <c r="E37" s="118"/>
      <c r="F37" s="118"/>
      <c r="G37" s="118"/>
      <c r="H37" s="119"/>
    </row>
    <row r="38" spans="2:8" s="99" customFormat="1" ht="30" customHeight="1">
      <c r="B38" s="120" t="s">
        <v>0</v>
      </c>
      <c r="C38" s="121" t="s">
        <v>88</v>
      </c>
      <c r="D38" s="122"/>
      <c r="E38" s="122"/>
      <c r="F38" s="123"/>
      <c r="G38" s="108"/>
      <c r="H38" s="126"/>
    </row>
    <row r="39" spans="2:8" s="99" customFormat="1" ht="30" customHeight="1">
      <c r="B39" s="93" t="s">
        <v>1</v>
      </c>
      <c r="C39" s="100" t="s">
        <v>64</v>
      </c>
      <c r="D39" s="101"/>
      <c r="E39" s="101"/>
      <c r="F39" s="102"/>
      <c r="G39" s="106"/>
      <c r="H39" s="107"/>
    </row>
    <row r="40" spans="2:8" s="99" customFormat="1" ht="30" customHeight="1">
      <c r="B40" s="105" t="s">
        <v>65</v>
      </c>
      <c r="C40" s="100" t="s">
        <v>66</v>
      </c>
      <c r="D40" s="101"/>
      <c r="E40" s="101"/>
      <c r="F40" s="102"/>
      <c r="G40" s="106"/>
      <c r="H40" s="107"/>
    </row>
    <row r="41" spans="2:8" s="99" customFormat="1" ht="30" customHeight="1">
      <c r="B41" s="93" t="s">
        <v>2</v>
      </c>
      <c r="C41" s="100" t="s">
        <v>89</v>
      </c>
      <c r="D41" s="101"/>
      <c r="E41" s="101"/>
      <c r="F41" s="102"/>
      <c r="G41" s="106"/>
      <c r="H41" s="104"/>
    </row>
    <row r="42" spans="2:8" s="99" customFormat="1" ht="30" customHeight="1">
      <c r="B42" s="93" t="s">
        <v>3</v>
      </c>
      <c r="C42" s="100" t="s">
        <v>90</v>
      </c>
      <c r="D42" s="101"/>
      <c r="E42" s="101"/>
      <c r="F42" s="102"/>
      <c r="G42" s="127"/>
      <c r="H42" s="107"/>
    </row>
    <row r="43" spans="2:8" s="99" customFormat="1" ht="30" customHeight="1">
      <c r="B43" s="93" t="s">
        <v>4</v>
      </c>
      <c r="C43" s="100" t="s">
        <v>69</v>
      </c>
      <c r="D43" s="101"/>
      <c r="E43" s="101"/>
      <c r="F43" s="102"/>
      <c r="G43" s="108"/>
      <c r="H43" s="104"/>
    </row>
    <row r="44" spans="2:8" s="99" customFormat="1" ht="30" customHeight="1">
      <c r="B44" s="105" t="s">
        <v>70</v>
      </c>
      <c r="C44" s="100" t="s">
        <v>85</v>
      </c>
      <c r="D44" s="101"/>
      <c r="E44" s="101"/>
      <c r="F44" s="102"/>
      <c r="G44" s="106"/>
      <c r="H44" s="128"/>
    </row>
    <row r="45" spans="2:8" s="99" customFormat="1" ht="30" customHeight="1">
      <c r="B45" s="93" t="s">
        <v>13</v>
      </c>
      <c r="C45" s="100" t="s">
        <v>72</v>
      </c>
      <c r="D45" s="101"/>
      <c r="E45" s="101"/>
      <c r="F45" s="102"/>
      <c r="G45" s="106"/>
      <c r="H45" s="128"/>
    </row>
    <row r="46" spans="2:8" s="99" customFormat="1" ht="30" customHeight="1">
      <c r="B46" s="105" t="s">
        <v>73</v>
      </c>
      <c r="C46" s="100" t="s">
        <v>91</v>
      </c>
      <c r="D46" s="101"/>
      <c r="E46" s="101"/>
      <c r="F46" s="102"/>
      <c r="G46" s="106"/>
      <c r="H46" s="128"/>
    </row>
    <row r="47" spans="2:8" s="99" customFormat="1" ht="30" customHeight="1">
      <c r="B47" s="105" t="s">
        <v>75</v>
      </c>
      <c r="C47" s="100" t="s">
        <v>92</v>
      </c>
      <c r="D47" s="101"/>
      <c r="E47" s="101"/>
      <c r="F47" s="102"/>
      <c r="G47" s="106"/>
      <c r="H47" s="107"/>
    </row>
    <row r="48" spans="2:8" s="99" customFormat="1" ht="30" customHeight="1">
      <c r="B48" s="105" t="s">
        <v>77</v>
      </c>
      <c r="C48" s="100" t="s">
        <v>78</v>
      </c>
      <c r="D48" s="101"/>
      <c r="E48" s="101"/>
      <c r="F48" s="102"/>
      <c r="G48" s="106"/>
      <c r="H48" s="104"/>
    </row>
    <row r="49" spans="2:8" s="99" customFormat="1" ht="30" customHeight="1">
      <c r="B49" s="105" t="s">
        <v>79</v>
      </c>
      <c r="C49" s="100" t="s">
        <v>80</v>
      </c>
      <c r="D49" s="101"/>
      <c r="E49" s="101"/>
      <c r="F49" s="102"/>
      <c r="G49" s="124"/>
      <c r="H49" s="128"/>
    </row>
    <row r="50" spans="2:8" s="99" customFormat="1" ht="41.25" customHeight="1">
      <c r="B50" s="112" t="s">
        <v>21</v>
      </c>
      <c r="C50" s="113" t="s">
        <v>93</v>
      </c>
      <c r="D50" s="114"/>
      <c r="E50" s="114"/>
      <c r="F50" s="115"/>
      <c r="G50" s="108"/>
      <c r="H50" s="129"/>
    </row>
    <row r="51" spans="2:8" s="99" customFormat="1" ht="24.75" customHeight="1">
      <c r="B51" s="130" t="s">
        <v>94</v>
      </c>
      <c r="C51" s="131"/>
      <c r="D51" s="131"/>
      <c r="E51" s="131"/>
      <c r="F51" s="131"/>
      <c r="G51" s="131"/>
      <c r="H51" s="132"/>
    </row>
    <row r="52" spans="2:8" s="99" customFormat="1" ht="30" customHeight="1">
      <c r="B52" s="133" t="s">
        <v>0</v>
      </c>
      <c r="C52" s="121" t="s">
        <v>95</v>
      </c>
      <c r="D52" s="122"/>
      <c r="E52" s="122"/>
      <c r="F52" s="123"/>
      <c r="G52" s="124"/>
      <c r="H52" s="134"/>
    </row>
    <row r="53" spans="2:8" s="99" customFormat="1" ht="30" customHeight="1">
      <c r="B53" s="135" t="s">
        <v>1</v>
      </c>
      <c r="C53" s="100" t="s">
        <v>96</v>
      </c>
      <c r="D53" s="101"/>
      <c r="E53" s="101"/>
      <c r="F53" s="102"/>
      <c r="G53" s="97"/>
      <c r="H53" s="136"/>
    </row>
    <row r="54" spans="2:8" s="99" customFormat="1" ht="30" customHeight="1">
      <c r="B54" s="135" t="s">
        <v>2</v>
      </c>
      <c r="C54" s="100" t="s">
        <v>97</v>
      </c>
      <c r="D54" s="101"/>
      <c r="E54" s="101"/>
      <c r="F54" s="102"/>
      <c r="G54" s="97"/>
      <c r="H54" s="136"/>
    </row>
    <row r="55" spans="2:8" s="99" customFormat="1" ht="30" customHeight="1">
      <c r="B55" s="135" t="s">
        <v>3</v>
      </c>
      <c r="C55" s="100" t="s">
        <v>98</v>
      </c>
      <c r="D55" s="101"/>
      <c r="E55" s="101"/>
      <c r="F55" s="102"/>
      <c r="G55" s="97"/>
      <c r="H55" s="136"/>
    </row>
    <row r="56" spans="2:8" s="99" customFormat="1" ht="30" customHeight="1">
      <c r="B56" s="135" t="s">
        <v>4</v>
      </c>
      <c r="C56" s="100" t="s">
        <v>99</v>
      </c>
      <c r="D56" s="101"/>
      <c r="E56" s="101"/>
      <c r="F56" s="102"/>
      <c r="G56" s="97"/>
      <c r="H56" s="136"/>
    </row>
    <row r="57" spans="2:8" s="99" customFormat="1" ht="30" customHeight="1">
      <c r="B57" s="135" t="s">
        <v>13</v>
      </c>
      <c r="C57" s="100" t="s">
        <v>100</v>
      </c>
      <c r="D57" s="101"/>
      <c r="E57" s="101"/>
      <c r="F57" s="102"/>
      <c r="G57" s="97"/>
      <c r="H57" s="136"/>
    </row>
    <row r="58" spans="2:8" s="99" customFormat="1" ht="30" customHeight="1">
      <c r="B58" s="135" t="s">
        <v>21</v>
      </c>
      <c r="C58" s="100" t="s">
        <v>101</v>
      </c>
      <c r="D58" s="101"/>
      <c r="E58" s="101"/>
      <c r="F58" s="102"/>
      <c r="G58" s="97"/>
      <c r="H58" s="136"/>
    </row>
    <row r="59" spans="2:8" s="99" customFormat="1" ht="30" customHeight="1" thickBot="1">
      <c r="B59" s="137" t="s">
        <v>27</v>
      </c>
      <c r="C59" s="138" t="s">
        <v>102</v>
      </c>
      <c r="D59" s="139"/>
      <c r="E59" s="139"/>
      <c r="F59" s="140"/>
      <c r="G59" s="141"/>
      <c r="H59" s="142"/>
    </row>
    <row r="60" spans="2:8" s="71" customFormat="1" ht="15" customHeight="1">
      <c r="B60" s="143"/>
      <c r="C60" s="144"/>
      <c r="D60" s="143"/>
      <c r="E60" s="144"/>
      <c r="F60" s="143"/>
      <c r="G60" s="145"/>
      <c r="H60" s="143"/>
    </row>
    <row r="61" spans="2:8" s="71" customFormat="1" ht="9.75" customHeight="1">
      <c r="B61" s="143"/>
      <c r="C61" s="144"/>
      <c r="D61" s="143"/>
      <c r="E61" s="144"/>
      <c r="F61" s="143"/>
      <c r="G61" s="145"/>
      <c r="H61" s="143"/>
    </row>
    <row r="62" spans="2:8" s="71" customFormat="1" ht="15" customHeight="1">
      <c r="B62" s="47" t="s">
        <v>25</v>
      </c>
      <c r="C62" s="47"/>
      <c r="D62" s="47"/>
      <c r="E62" s="47"/>
      <c r="F62" s="47"/>
      <c r="G62" s="47"/>
      <c r="H62" s="47"/>
    </row>
    <row r="63" spans="2:8" s="71" customFormat="1" ht="15" customHeight="1">
      <c r="B63" s="146" t="s">
        <v>32</v>
      </c>
      <c r="C63" s="146"/>
      <c r="D63" s="146"/>
      <c r="E63" s="146"/>
      <c r="F63" s="147"/>
      <c r="G63" s="148"/>
    </row>
    <row r="64" spans="2:8" s="71" customFormat="1" ht="15" customHeight="1">
      <c r="B64" s="149" t="s">
        <v>33</v>
      </c>
      <c r="C64" s="149"/>
      <c r="D64" s="149"/>
      <c r="E64" s="149"/>
      <c r="F64" s="150"/>
      <c r="G64" s="151"/>
    </row>
    <row r="65" spans="2:8" s="71" customFormat="1" ht="15" customHeight="1">
      <c r="B65" s="149" t="s">
        <v>6</v>
      </c>
      <c r="C65" s="149"/>
      <c r="D65" s="149"/>
      <c r="E65" s="149"/>
      <c r="F65" s="150"/>
      <c r="G65" s="151"/>
    </row>
    <row r="66" spans="2:8" s="71" customFormat="1" ht="15" customHeight="1">
      <c r="B66" s="149" t="s">
        <v>7</v>
      </c>
      <c r="C66" s="149"/>
      <c r="D66" s="149"/>
      <c r="E66" s="149"/>
      <c r="F66" s="150"/>
      <c r="G66" s="151"/>
    </row>
    <row r="67" spans="2:8" s="68" customFormat="1" ht="15" customHeight="1">
      <c r="B67" s="152"/>
      <c r="C67" s="152"/>
      <c r="D67" s="152"/>
      <c r="E67" s="152"/>
      <c r="F67" s="71"/>
      <c r="G67" s="71"/>
      <c r="H67" s="71"/>
    </row>
    <row r="68" spans="2:8" s="68" customFormat="1" ht="15" customHeight="1">
      <c r="B68" s="152"/>
      <c r="C68" s="152"/>
      <c r="D68" s="152"/>
      <c r="E68" s="152"/>
      <c r="F68" s="71"/>
      <c r="G68" s="71"/>
      <c r="H68" s="71"/>
    </row>
    <row r="69" spans="2:8" s="154" customFormat="1" ht="15" customHeight="1">
      <c r="B69" s="68" t="s">
        <v>8</v>
      </c>
      <c r="C69" s="153"/>
      <c r="D69" s="153"/>
      <c r="E69" s="153"/>
      <c r="F69" s="68"/>
      <c r="G69" s="68"/>
      <c r="H69" s="68"/>
    </row>
    <row r="70" spans="2:8" s="154" customFormat="1" ht="15" customHeight="1">
      <c r="B70" s="68" t="s">
        <v>12</v>
      </c>
      <c r="C70" s="155"/>
      <c r="D70" s="155"/>
      <c r="E70" s="155"/>
      <c r="F70" s="68"/>
      <c r="G70" s="156"/>
      <c r="H70" s="14"/>
    </row>
    <row r="71" spans="2:8" s="154" customFormat="1" ht="13.5" customHeight="1">
      <c r="B71" s="68"/>
      <c r="C71" s="68"/>
      <c r="D71" s="68"/>
      <c r="E71" s="68"/>
      <c r="F71" s="68"/>
      <c r="G71" s="68"/>
      <c r="H71" s="14"/>
    </row>
    <row r="72" spans="2:8" s="159" customFormat="1" ht="15" customHeight="1">
      <c r="B72" s="68"/>
      <c r="C72" s="157"/>
      <c r="D72" s="68"/>
      <c r="E72" s="157"/>
      <c r="F72" s="158" t="s">
        <v>14</v>
      </c>
      <c r="G72" s="147"/>
      <c r="H72" s="68"/>
    </row>
    <row r="73" spans="2:8" ht="15" customHeight="1">
      <c r="B73" s="154" t="s">
        <v>10</v>
      </c>
      <c r="C73" s="154"/>
      <c r="D73" s="154"/>
      <c r="E73" s="154"/>
      <c r="F73" s="160"/>
      <c r="G73" s="161" t="s">
        <v>15</v>
      </c>
      <c r="H73" s="154"/>
    </row>
    <row r="74" spans="2:8" ht="12.75" customHeight="1">
      <c r="B74" s="162"/>
      <c r="C74" s="163" t="s">
        <v>11</v>
      </c>
      <c r="D74" s="152"/>
      <c r="E74" s="152"/>
      <c r="F74" s="152"/>
      <c r="G74" s="152"/>
      <c r="H74" s="152"/>
    </row>
    <row r="75" spans="2:8">
      <c r="B75" s="164"/>
      <c r="C75" s="165"/>
      <c r="D75" s="159"/>
      <c r="E75" s="165"/>
      <c r="F75" s="159"/>
      <c r="G75" s="166"/>
      <c r="H75" s="159"/>
    </row>
    <row r="80" spans="2:8">
      <c r="H80" s="143" t="s">
        <v>24</v>
      </c>
    </row>
  </sheetData>
  <mergeCells count="63">
    <mergeCell ref="B66:E66"/>
    <mergeCell ref="C69:E69"/>
    <mergeCell ref="C70:E70"/>
    <mergeCell ref="C58:F58"/>
    <mergeCell ref="C59:F59"/>
    <mergeCell ref="B62:H62"/>
    <mergeCell ref="B63:E63"/>
    <mergeCell ref="B64:E64"/>
    <mergeCell ref="B65:E65"/>
    <mergeCell ref="C52:F52"/>
    <mergeCell ref="C53:F53"/>
    <mergeCell ref="C54:F54"/>
    <mergeCell ref="C55:F55"/>
    <mergeCell ref="C56:F56"/>
    <mergeCell ref="C57:F57"/>
    <mergeCell ref="C46:F46"/>
    <mergeCell ref="C47:F47"/>
    <mergeCell ref="C48:F48"/>
    <mergeCell ref="C49:F49"/>
    <mergeCell ref="C50:F50"/>
    <mergeCell ref="B51:H51"/>
    <mergeCell ref="C40:F40"/>
    <mergeCell ref="C41:F41"/>
    <mergeCell ref="C42:F42"/>
    <mergeCell ref="C43:F43"/>
    <mergeCell ref="C44:F44"/>
    <mergeCell ref="C45:F45"/>
    <mergeCell ref="C34:F34"/>
    <mergeCell ref="C35:F35"/>
    <mergeCell ref="C36:F36"/>
    <mergeCell ref="B37:H37"/>
    <mergeCell ref="C38:F38"/>
    <mergeCell ref="C39:F39"/>
    <mergeCell ref="C28:F28"/>
    <mergeCell ref="C29:F29"/>
    <mergeCell ref="C30:F30"/>
    <mergeCell ref="C31:F31"/>
    <mergeCell ref="C32:F32"/>
    <mergeCell ref="C33:F33"/>
    <mergeCell ref="C22:F22"/>
    <mergeCell ref="B23:H23"/>
    <mergeCell ref="C24:F24"/>
    <mergeCell ref="C25:F25"/>
    <mergeCell ref="C26:F26"/>
    <mergeCell ref="C27:F27"/>
    <mergeCell ref="C16:F16"/>
    <mergeCell ref="C17:F17"/>
    <mergeCell ref="C18:F18"/>
    <mergeCell ref="C19:F19"/>
    <mergeCell ref="C20:F20"/>
    <mergeCell ref="C21:F21"/>
    <mergeCell ref="C10:F10"/>
    <mergeCell ref="C11:F11"/>
    <mergeCell ref="C12:F12"/>
    <mergeCell ref="C13:F13"/>
    <mergeCell ref="C14:F14"/>
    <mergeCell ref="C15:F15"/>
    <mergeCell ref="B2:H2"/>
    <mergeCell ref="B4:H4"/>
    <mergeCell ref="B5:H5"/>
    <mergeCell ref="B7:F8"/>
    <mergeCell ref="G7:H7"/>
    <mergeCell ref="B9:H9"/>
  </mergeCells>
  <conditionalFormatting sqref="C69:E70">
    <cfRule type="containsBlanks" dxfId="6" priority="4">
      <formula>LEN(TRIM(C69))=0</formula>
    </cfRule>
  </conditionalFormatting>
  <conditionalFormatting sqref="F63:F66">
    <cfRule type="containsBlanks" dxfId="5" priority="3">
      <formula>LEN(TRIM(F63))=0</formula>
    </cfRule>
  </conditionalFormatting>
  <conditionalFormatting sqref="G72">
    <cfRule type="containsBlanks" dxfId="4" priority="2">
      <formula>LEN(TRIM(G72))=0</formula>
    </cfRule>
  </conditionalFormatting>
  <conditionalFormatting sqref="G10:G22 G24:G36 G38:G50 G52:G59">
    <cfRule type="containsBlanks" dxfId="3" priority="1">
      <formula>LEN(TRIM(G10))=0</formula>
    </cfRule>
  </conditionalFormatting>
  <pageMargins left="0.78740157480314965" right="0.78740157480314965" top="0.98425196850393704" bottom="0.78740157480314965" header="0.31496062992125984" footer="0.11811023622047245"/>
  <pageSetup paperSize="9" scale="71" fitToHeight="0" orientation="portrait" r:id="rId1"/>
  <headerFooter>
    <oddHeader>&amp;L&amp;"Arial,Tučné"&amp;9Príloha č. 1 Zmluvy&amp;"Arial,Normálne"&amp;K000000
Špecifikácia predmetu zákazky</oddHeader>
    <oddFooter>&amp;C&amp;"Arial,Normálne"&amp;8Strana &amp;P z &amp;N</oddFooter>
  </headerFooter>
  <rowBreaks count="1" manualBreakCount="1">
    <brk id="34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M64"/>
  <sheetViews>
    <sheetView showGridLines="0" zoomScaleNormal="100" zoomScalePageLayoutView="70" workbookViewId="0">
      <selection activeCell="P19" sqref="P19"/>
    </sheetView>
  </sheetViews>
  <sheetFormatPr defaultColWidth="9.140625" defaultRowHeight="12"/>
  <cols>
    <col min="1" max="1" width="2.7109375" style="169" customWidth="1"/>
    <col min="2" max="2" width="5.28515625" style="169" customWidth="1"/>
    <col min="3" max="3" width="37" style="169" customWidth="1"/>
    <col min="4" max="4" width="14" style="169" customWidth="1"/>
    <col min="5" max="5" width="13.85546875" style="169" customWidth="1"/>
    <col min="6" max="12" width="12.7109375" style="169" customWidth="1"/>
    <col min="13" max="16" width="13.7109375" style="169" customWidth="1"/>
    <col min="17" max="16384" width="9.140625" style="169"/>
  </cols>
  <sheetData>
    <row r="1" spans="2:13" s="61" customFormat="1" ht="20.100000000000001" customHeight="1">
      <c r="B1" s="167" t="s">
        <v>5</v>
      </c>
      <c r="C1" s="167"/>
    </row>
    <row r="2" spans="2:13" s="65" customFormat="1" ht="30" customHeight="1">
      <c r="B2" s="62" t="s">
        <v>60</v>
      </c>
      <c r="C2" s="63"/>
      <c r="D2" s="63"/>
      <c r="E2" s="63"/>
      <c r="F2" s="63"/>
      <c r="G2" s="63"/>
      <c r="H2" s="63"/>
      <c r="I2" s="64"/>
    </row>
    <row r="3" spans="2:13" ht="27.75" customHeight="1">
      <c r="B3" s="168" t="s">
        <v>31</v>
      </c>
      <c r="C3" s="168"/>
      <c r="D3" s="168"/>
      <c r="E3" s="168"/>
      <c r="F3" s="168"/>
      <c r="G3" s="168"/>
      <c r="H3" s="168"/>
      <c r="I3" s="168"/>
      <c r="J3" s="168"/>
      <c r="K3" s="168"/>
      <c r="L3" s="168"/>
    </row>
    <row r="4" spans="2:13" ht="12" customHeight="1">
      <c r="B4" s="170"/>
      <c r="C4" s="170"/>
      <c r="D4" s="170"/>
      <c r="E4" s="170"/>
      <c r="F4" s="170"/>
      <c r="G4" s="170"/>
      <c r="H4" s="170"/>
      <c r="I4" s="170"/>
      <c r="J4" s="170"/>
      <c r="K4" s="170"/>
      <c r="L4" s="170"/>
    </row>
    <row r="5" spans="2:13" ht="12" customHeight="1">
      <c r="B5" s="171" t="s">
        <v>103</v>
      </c>
      <c r="C5" s="171"/>
      <c r="D5" s="171"/>
      <c r="E5" s="171"/>
      <c r="F5" s="171"/>
      <c r="G5" s="171"/>
      <c r="H5" s="171"/>
      <c r="I5" s="171"/>
      <c r="J5" s="171"/>
      <c r="K5" s="171"/>
      <c r="L5" s="171"/>
      <c r="M5" s="171"/>
    </row>
    <row r="6" spans="2:13" ht="18.95" customHeight="1">
      <c r="B6" s="172" t="s">
        <v>22</v>
      </c>
      <c r="C6" s="172" t="s">
        <v>49</v>
      </c>
      <c r="D6" s="172" t="s">
        <v>46</v>
      </c>
      <c r="E6" s="172" t="s">
        <v>45</v>
      </c>
      <c r="F6" s="173" t="s">
        <v>50</v>
      </c>
      <c r="G6" s="172" t="s">
        <v>51</v>
      </c>
      <c r="H6" s="172" t="s">
        <v>52</v>
      </c>
      <c r="I6" s="172" t="s">
        <v>53</v>
      </c>
      <c r="J6" s="174" t="s">
        <v>54</v>
      </c>
      <c r="K6" s="175"/>
      <c r="L6" s="175"/>
      <c r="M6" s="176" t="s">
        <v>59</v>
      </c>
    </row>
    <row r="7" spans="2:13" ht="24" customHeight="1">
      <c r="B7" s="177"/>
      <c r="C7" s="177"/>
      <c r="D7" s="177"/>
      <c r="E7" s="177"/>
      <c r="F7" s="178"/>
      <c r="G7" s="177"/>
      <c r="H7" s="177"/>
      <c r="I7" s="177"/>
      <c r="J7" s="179" t="s">
        <v>28</v>
      </c>
      <c r="K7" s="180" t="s">
        <v>55</v>
      </c>
      <c r="L7" s="181" t="s">
        <v>29</v>
      </c>
      <c r="M7" s="182"/>
    </row>
    <row r="8" spans="2:13" ht="18.95" customHeight="1">
      <c r="B8" s="183" t="s">
        <v>0</v>
      </c>
      <c r="C8" s="184" t="s">
        <v>1</v>
      </c>
      <c r="D8" s="184" t="s">
        <v>2</v>
      </c>
      <c r="E8" s="184" t="s">
        <v>3</v>
      </c>
      <c r="F8" s="185" t="s">
        <v>4</v>
      </c>
      <c r="G8" s="184" t="s">
        <v>13</v>
      </c>
      <c r="H8" s="186" t="s">
        <v>21</v>
      </c>
      <c r="I8" s="187" t="s">
        <v>27</v>
      </c>
      <c r="J8" s="188" t="s">
        <v>20</v>
      </c>
      <c r="K8" s="189" t="s">
        <v>19</v>
      </c>
      <c r="L8" s="190" t="s">
        <v>18</v>
      </c>
      <c r="M8" s="191" t="s">
        <v>17</v>
      </c>
    </row>
    <row r="9" spans="2:13" ht="18.95" customHeight="1">
      <c r="B9" s="192" t="s">
        <v>0</v>
      </c>
      <c r="C9" s="193"/>
      <c r="D9" s="194"/>
      <c r="E9" s="195"/>
      <c r="F9" s="195"/>
      <c r="G9" s="195"/>
      <c r="H9" s="195"/>
      <c r="I9" s="196"/>
      <c r="J9" s="197"/>
      <c r="K9" s="198"/>
      <c r="L9" s="199"/>
      <c r="M9" s="200">
        <v>1980</v>
      </c>
    </row>
    <row r="10" spans="2:13" ht="18.95" customHeight="1">
      <c r="B10" s="201" t="s">
        <v>1</v>
      </c>
      <c r="C10" s="202"/>
      <c r="D10" s="203"/>
      <c r="E10" s="201"/>
      <c r="F10" s="201"/>
      <c r="G10" s="201"/>
      <c r="H10" s="201"/>
      <c r="I10" s="192"/>
      <c r="J10" s="197"/>
      <c r="K10" s="198"/>
      <c r="L10" s="199"/>
      <c r="M10" s="204"/>
    </row>
    <row r="11" spans="2:13" ht="18.95" customHeight="1">
      <c r="B11" s="205" t="s">
        <v>2</v>
      </c>
      <c r="C11" s="206"/>
      <c r="D11" s="207"/>
      <c r="E11" s="205"/>
      <c r="F11" s="205"/>
      <c r="G11" s="205"/>
      <c r="H11" s="205"/>
      <c r="I11" s="205"/>
      <c r="J11" s="208"/>
      <c r="K11" s="209"/>
      <c r="L11" s="210"/>
      <c r="M11" s="211"/>
    </row>
    <row r="12" spans="2:13" ht="12.75" customHeight="1">
      <c r="B12" s="212"/>
      <c r="C12" s="213"/>
      <c r="D12" s="213"/>
      <c r="E12" s="212"/>
      <c r="F12" s="212"/>
      <c r="G12" s="212"/>
      <c r="H12" s="212"/>
      <c r="I12" s="212"/>
      <c r="J12" s="214"/>
      <c r="K12" s="215"/>
      <c r="L12" s="214"/>
      <c r="M12" s="216"/>
    </row>
    <row r="13" spans="2:13" ht="18.95" customHeight="1">
      <c r="B13" s="171" t="s">
        <v>104</v>
      </c>
      <c r="C13" s="171"/>
      <c r="D13" s="171"/>
      <c r="E13" s="171"/>
      <c r="F13" s="171"/>
      <c r="G13" s="171"/>
      <c r="H13" s="171"/>
      <c r="I13" s="171"/>
      <c r="J13" s="171"/>
      <c r="K13" s="171"/>
      <c r="L13" s="171"/>
      <c r="M13" s="171"/>
    </row>
    <row r="14" spans="2:13" ht="18.95" customHeight="1">
      <c r="B14" s="172" t="s">
        <v>22</v>
      </c>
      <c r="C14" s="172" t="s">
        <v>49</v>
      </c>
      <c r="D14" s="172" t="s">
        <v>46</v>
      </c>
      <c r="E14" s="172" t="s">
        <v>45</v>
      </c>
      <c r="F14" s="173" t="s">
        <v>50</v>
      </c>
      <c r="G14" s="172" t="s">
        <v>51</v>
      </c>
      <c r="H14" s="172" t="s">
        <v>52</v>
      </c>
      <c r="I14" s="172" t="s">
        <v>53</v>
      </c>
      <c r="J14" s="174" t="s">
        <v>54</v>
      </c>
      <c r="K14" s="175"/>
      <c r="L14" s="175"/>
      <c r="M14" s="176" t="s">
        <v>58</v>
      </c>
    </row>
    <row r="15" spans="2:13" ht="18.95" customHeight="1">
      <c r="B15" s="177"/>
      <c r="C15" s="177"/>
      <c r="D15" s="177"/>
      <c r="E15" s="177"/>
      <c r="F15" s="178"/>
      <c r="G15" s="177"/>
      <c r="H15" s="177"/>
      <c r="I15" s="177"/>
      <c r="J15" s="179" t="s">
        <v>28</v>
      </c>
      <c r="K15" s="180" t="s">
        <v>55</v>
      </c>
      <c r="L15" s="181" t="s">
        <v>29</v>
      </c>
      <c r="M15" s="182"/>
    </row>
    <row r="16" spans="2:13" ht="18.95" customHeight="1">
      <c r="B16" s="183" t="s">
        <v>0</v>
      </c>
      <c r="C16" s="184" t="s">
        <v>1</v>
      </c>
      <c r="D16" s="184" t="s">
        <v>2</v>
      </c>
      <c r="E16" s="184" t="s">
        <v>3</v>
      </c>
      <c r="F16" s="185" t="s">
        <v>4</v>
      </c>
      <c r="G16" s="184" t="s">
        <v>13</v>
      </c>
      <c r="H16" s="186" t="s">
        <v>21</v>
      </c>
      <c r="I16" s="187" t="s">
        <v>27</v>
      </c>
      <c r="J16" s="188" t="s">
        <v>20</v>
      </c>
      <c r="K16" s="189" t="s">
        <v>19</v>
      </c>
      <c r="L16" s="190" t="s">
        <v>18</v>
      </c>
      <c r="M16" s="191" t="s">
        <v>17</v>
      </c>
    </row>
    <row r="17" spans="2:13" ht="18.95" customHeight="1">
      <c r="B17" s="192" t="s">
        <v>0</v>
      </c>
      <c r="C17" s="193"/>
      <c r="D17" s="194"/>
      <c r="E17" s="195"/>
      <c r="F17" s="195"/>
      <c r="G17" s="195"/>
      <c r="H17" s="195"/>
      <c r="I17" s="196"/>
      <c r="J17" s="197"/>
      <c r="K17" s="198"/>
      <c r="L17" s="199"/>
      <c r="M17" s="200">
        <v>1815</v>
      </c>
    </row>
    <row r="18" spans="2:13" ht="18.95" customHeight="1">
      <c r="B18" s="201" t="s">
        <v>1</v>
      </c>
      <c r="C18" s="202"/>
      <c r="D18" s="203"/>
      <c r="E18" s="201"/>
      <c r="F18" s="201"/>
      <c r="G18" s="201"/>
      <c r="H18" s="201"/>
      <c r="I18" s="192"/>
      <c r="J18" s="197"/>
      <c r="K18" s="198"/>
      <c r="L18" s="199"/>
      <c r="M18" s="204"/>
    </row>
    <row r="19" spans="2:13" ht="18.95" customHeight="1">
      <c r="B19" s="205" t="s">
        <v>2</v>
      </c>
      <c r="C19" s="206"/>
      <c r="D19" s="207"/>
      <c r="E19" s="205"/>
      <c r="F19" s="205"/>
      <c r="G19" s="205"/>
      <c r="H19" s="205"/>
      <c r="I19" s="205"/>
      <c r="J19" s="208"/>
      <c r="K19" s="209"/>
      <c r="L19" s="210"/>
      <c r="M19" s="211"/>
    </row>
    <row r="20" spans="2:13" ht="11.25" customHeight="1">
      <c r="B20" s="212"/>
      <c r="C20" s="213"/>
      <c r="D20" s="213"/>
      <c r="E20" s="212"/>
      <c r="F20" s="212"/>
      <c r="G20" s="212"/>
      <c r="H20" s="212"/>
      <c r="I20" s="212"/>
      <c r="J20" s="214"/>
      <c r="K20" s="215"/>
      <c r="L20" s="214"/>
      <c r="M20" s="216"/>
    </row>
    <row r="21" spans="2:13" ht="18.95" customHeight="1">
      <c r="B21" s="171" t="s">
        <v>105</v>
      </c>
      <c r="C21" s="171"/>
      <c r="D21" s="171"/>
      <c r="E21" s="171"/>
      <c r="F21" s="171"/>
      <c r="G21" s="171"/>
      <c r="H21" s="171"/>
      <c r="I21" s="171"/>
      <c r="J21" s="171"/>
      <c r="K21" s="171"/>
      <c r="L21" s="171"/>
      <c r="M21" s="171"/>
    </row>
    <row r="22" spans="2:13" ht="18.95" customHeight="1">
      <c r="B22" s="172" t="s">
        <v>22</v>
      </c>
      <c r="C22" s="172" t="s">
        <v>49</v>
      </c>
      <c r="D22" s="172" t="s">
        <v>46</v>
      </c>
      <c r="E22" s="172" t="s">
        <v>45</v>
      </c>
      <c r="F22" s="173" t="s">
        <v>50</v>
      </c>
      <c r="G22" s="172" t="s">
        <v>51</v>
      </c>
      <c r="H22" s="172" t="s">
        <v>52</v>
      </c>
      <c r="I22" s="172" t="s">
        <v>53</v>
      </c>
      <c r="J22" s="174" t="s">
        <v>54</v>
      </c>
      <c r="K22" s="175"/>
      <c r="L22" s="175"/>
      <c r="M22" s="176" t="s">
        <v>58</v>
      </c>
    </row>
    <row r="23" spans="2:13" ht="18.95" customHeight="1">
      <c r="B23" s="177"/>
      <c r="C23" s="177"/>
      <c r="D23" s="177"/>
      <c r="E23" s="177"/>
      <c r="F23" s="178"/>
      <c r="G23" s="177"/>
      <c r="H23" s="177"/>
      <c r="I23" s="177"/>
      <c r="J23" s="179" t="s">
        <v>28</v>
      </c>
      <c r="K23" s="180" t="s">
        <v>55</v>
      </c>
      <c r="L23" s="181" t="s">
        <v>29</v>
      </c>
      <c r="M23" s="182"/>
    </row>
    <row r="24" spans="2:13" ht="18.95" customHeight="1">
      <c r="B24" s="183" t="s">
        <v>0</v>
      </c>
      <c r="C24" s="184" t="s">
        <v>1</v>
      </c>
      <c r="D24" s="184" t="s">
        <v>2</v>
      </c>
      <c r="E24" s="184" t="s">
        <v>3</v>
      </c>
      <c r="F24" s="185" t="s">
        <v>4</v>
      </c>
      <c r="G24" s="184" t="s">
        <v>13</v>
      </c>
      <c r="H24" s="186" t="s">
        <v>21</v>
      </c>
      <c r="I24" s="187" t="s">
        <v>27</v>
      </c>
      <c r="J24" s="188" t="s">
        <v>20</v>
      </c>
      <c r="K24" s="189" t="s">
        <v>19</v>
      </c>
      <c r="L24" s="190" t="s">
        <v>18</v>
      </c>
      <c r="M24" s="191" t="s">
        <v>17</v>
      </c>
    </row>
    <row r="25" spans="2:13" ht="18.95" customHeight="1">
      <c r="B25" s="192" t="s">
        <v>0</v>
      </c>
      <c r="C25" s="193"/>
      <c r="D25" s="194"/>
      <c r="E25" s="195"/>
      <c r="F25" s="195"/>
      <c r="G25" s="195"/>
      <c r="H25" s="195"/>
      <c r="I25" s="196"/>
      <c r="J25" s="197"/>
      <c r="K25" s="198"/>
      <c r="L25" s="199"/>
      <c r="M25" s="200">
        <v>90</v>
      </c>
    </row>
    <row r="26" spans="2:13" ht="18.95" customHeight="1">
      <c r="B26" s="201" t="s">
        <v>1</v>
      </c>
      <c r="C26" s="202"/>
      <c r="D26" s="203"/>
      <c r="E26" s="201"/>
      <c r="F26" s="201"/>
      <c r="G26" s="201"/>
      <c r="H26" s="201"/>
      <c r="I26" s="192"/>
      <c r="J26" s="197"/>
      <c r="K26" s="198"/>
      <c r="L26" s="199"/>
      <c r="M26" s="204"/>
    </row>
    <row r="27" spans="2:13" ht="18.95" customHeight="1">
      <c r="B27" s="205" t="s">
        <v>2</v>
      </c>
      <c r="C27" s="206"/>
      <c r="D27" s="207"/>
      <c r="E27" s="205"/>
      <c r="F27" s="205"/>
      <c r="G27" s="205"/>
      <c r="H27" s="205"/>
      <c r="I27" s="205"/>
      <c r="J27" s="208"/>
      <c r="K27" s="209"/>
      <c r="L27" s="210"/>
      <c r="M27" s="211"/>
    </row>
    <row r="28" spans="2:13" ht="12.75" customHeight="1">
      <c r="B28" s="212"/>
      <c r="C28" s="213"/>
      <c r="D28" s="213"/>
      <c r="E28" s="212"/>
      <c r="F28" s="212"/>
      <c r="G28" s="212"/>
      <c r="H28" s="212"/>
      <c r="I28" s="212"/>
      <c r="J28" s="214"/>
      <c r="K28" s="215"/>
      <c r="L28" s="214"/>
      <c r="M28" s="216"/>
    </row>
    <row r="29" spans="2:13" ht="18.95" customHeight="1">
      <c r="B29" s="171" t="s">
        <v>106</v>
      </c>
      <c r="C29" s="171"/>
      <c r="D29" s="171"/>
      <c r="E29" s="171"/>
      <c r="F29" s="171"/>
      <c r="G29" s="171"/>
      <c r="H29" s="171"/>
      <c r="I29" s="171"/>
      <c r="J29" s="171"/>
      <c r="K29" s="171"/>
      <c r="L29" s="171"/>
      <c r="M29" s="171"/>
    </row>
    <row r="30" spans="2:13" ht="18.95" customHeight="1">
      <c r="B30" s="172" t="s">
        <v>22</v>
      </c>
      <c r="C30" s="172" t="s">
        <v>49</v>
      </c>
      <c r="D30" s="172" t="s">
        <v>46</v>
      </c>
      <c r="E30" s="172" t="s">
        <v>45</v>
      </c>
      <c r="F30" s="173" t="s">
        <v>50</v>
      </c>
      <c r="G30" s="172" t="s">
        <v>51</v>
      </c>
      <c r="H30" s="172" t="s">
        <v>52</v>
      </c>
      <c r="I30" s="172" t="s">
        <v>53</v>
      </c>
      <c r="J30" s="174" t="s">
        <v>54</v>
      </c>
      <c r="K30" s="175"/>
      <c r="L30" s="175"/>
      <c r="M30" s="176" t="s">
        <v>58</v>
      </c>
    </row>
    <row r="31" spans="2:13" ht="18.95" customHeight="1">
      <c r="B31" s="177"/>
      <c r="C31" s="177"/>
      <c r="D31" s="177"/>
      <c r="E31" s="177"/>
      <c r="F31" s="178"/>
      <c r="G31" s="177"/>
      <c r="H31" s="177"/>
      <c r="I31" s="177"/>
      <c r="J31" s="179" t="s">
        <v>28</v>
      </c>
      <c r="K31" s="180" t="s">
        <v>55</v>
      </c>
      <c r="L31" s="181" t="s">
        <v>29</v>
      </c>
      <c r="M31" s="182"/>
    </row>
    <row r="32" spans="2:13" ht="18.95" customHeight="1">
      <c r="B32" s="183" t="s">
        <v>0</v>
      </c>
      <c r="C32" s="184" t="s">
        <v>1</v>
      </c>
      <c r="D32" s="184" t="s">
        <v>2</v>
      </c>
      <c r="E32" s="184" t="s">
        <v>3</v>
      </c>
      <c r="F32" s="185" t="s">
        <v>4</v>
      </c>
      <c r="G32" s="184" t="s">
        <v>13</v>
      </c>
      <c r="H32" s="186" t="s">
        <v>21</v>
      </c>
      <c r="I32" s="187" t="s">
        <v>27</v>
      </c>
      <c r="J32" s="188" t="s">
        <v>20</v>
      </c>
      <c r="K32" s="189" t="s">
        <v>19</v>
      </c>
      <c r="L32" s="190" t="s">
        <v>18</v>
      </c>
      <c r="M32" s="191" t="s">
        <v>17</v>
      </c>
    </row>
    <row r="33" spans="2:13" ht="18.95" customHeight="1">
      <c r="B33" s="192" t="s">
        <v>0</v>
      </c>
      <c r="C33" s="193"/>
      <c r="D33" s="194"/>
      <c r="E33" s="195"/>
      <c r="F33" s="195"/>
      <c r="G33" s="195"/>
      <c r="H33" s="195"/>
      <c r="I33" s="196"/>
      <c r="J33" s="197"/>
      <c r="K33" s="198"/>
      <c r="L33" s="199"/>
      <c r="M33" s="200">
        <v>1239</v>
      </c>
    </row>
    <row r="34" spans="2:13" ht="18.95" customHeight="1">
      <c r="B34" s="201" t="s">
        <v>1</v>
      </c>
      <c r="C34" s="202"/>
      <c r="D34" s="203"/>
      <c r="E34" s="201"/>
      <c r="F34" s="201"/>
      <c r="G34" s="201"/>
      <c r="H34" s="201"/>
      <c r="I34" s="192"/>
      <c r="J34" s="197"/>
      <c r="K34" s="198"/>
      <c r="L34" s="199"/>
      <c r="M34" s="204"/>
    </row>
    <row r="35" spans="2:13" ht="18.95" customHeight="1">
      <c r="B35" s="205" t="s">
        <v>2</v>
      </c>
      <c r="C35" s="206"/>
      <c r="D35" s="207"/>
      <c r="E35" s="205"/>
      <c r="F35" s="205"/>
      <c r="G35" s="205"/>
      <c r="H35" s="205"/>
      <c r="I35" s="205"/>
      <c r="J35" s="208"/>
      <c r="K35" s="209"/>
      <c r="L35" s="210"/>
      <c r="M35" s="211"/>
    </row>
    <row r="36" spans="2:13" ht="13.5" customHeight="1">
      <c r="B36" s="212"/>
      <c r="C36" s="213"/>
      <c r="D36" s="213"/>
      <c r="E36" s="212"/>
      <c r="F36" s="212"/>
      <c r="G36" s="212"/>
      <c r="H36" s="212"/>
      <c r="I36" s="212"/>
      <c r="J36" s="214"/>
      <c r="K36" s="215"/>
      <c r="L36" s="214"/>
      <c r="M36" s="216"/>
    </row>
    <row r="37" spans="2:13" ht="10.5" customHeight="1">
      <c r="B37" s="217" t="s">
        <v>56</v>
      </c>
      <c r="C37" s="217"/>
      <c r="D37" s="217"/>
      <c r="E37" s="217"/>
      <c r="F37" s="217"/>
      <c r="G37" s="217"/>
      <c r="H37" s="217"/>
      <c r="I37" s="217"/>
      <c r="J37" s="217"/>
      <c r="K37" s="217"/>
      <c r="L37" s="217"/>
      <c r="M37" s="217"/>
    </row>
    <row r="38" spans="2:13" ht="6" customHeight="1">
      <c r="B38" s="170"/>
      <c r="C38" s="170"/>
      <c r="D38" s="170"/>
      <c r="E38" s="170"/>
      <c r="F38" s="170"/>
      <c r="G38" s="170"/>
      <c r="H38" s="170"/>
      <c r="I38" s="170"/>
      <c r="J38" s="170"/>
      <c r="K38" s="170"/>
      <c r="L38" s="170"/>
    </row>
    <row r="39" spans="2:13" ht="19.5" customHeight="1">
      <c r="B39" s="218" t="s">
        <v>25</v>
      </c>
      <c r="C39" s="218"/>
      <c r="D39" s="218"/>
      <c r="E39" s="218"/>
      <c r="F39" s="218"/>
      <c r="G39" s="219"/>
      <c r="H39" s="219"/>
      <c r="I39" s="219"/>
      <c r="J39" s="220"/>
      <c r="K39" s="220"/>
      <c r="L39" s="220"/>
    </row>
    <row r="40" spans="2:13" ht="12.75" customHeight="1">
      <c r="B40" s="221"/>
      <c r="C40" s="220"/>
      <c r="D40" s="220"/>
      <c r="E40" s="220"/>
      <c r="F40" s="219"/>
      <c r="G40" s="219"/>
      <c r="H40" s="219"/>
      <c r="I40" s="219"/>
      <c r="J40" s="222"/>
      <c r="K40" s="223"/>
      <c r="L40" s="223"/>
    </row>
    <row r="41" spans="2:13" ht="15" customHeight="1">
      <c r="B41" s="224" t="s">
        <v>32</v>
      </c>
      <c r="C41" s="224"/>
      <c r="D41" s="225"/>
      <c r="E41" s="225"/>
      <c r="F41" s="225"/>
      <c r="G41" s="219"/>
      <c r="H41" s="219"/>
      <c r="I41" s="219"/>
      <c r="J41" s="222"/>
      <c r="K41" s="223"/>
      <c r="L41" s="223"/>
    </row>
    <row r="42" spans="2:13" ht="15" customHeight="1">
      <c r="B42" s="224" t="s">
        <v>33</v>
      </c>
      <c r="C42" s="224"/>
      <c r="D42" s="226"/>
      <c r="E42" s="226"/>
      <c r="F42" s="226"/>
      <c r="G42" s="219"/>
      <c r="H42" s="219"/>
      <c r="I42" s="219"/>
      <c r="J42" s="222"/>
      <c r="K42" s="223"/>
      <c r="L42" s="223"/>
    </row>
    <row r="43" spans="2:13" ht="15" customHeight="1">
      <c r="B43" s="224" t="s">
        <v>6</v>
      </c>
      <c r="C43" s="224"/>
      <c r="D43" s="226"/>
      <c r="E43" s="226"/>
      <c r="F43" s="226"/>
      <c r="G43" s="219"/>
      <c r="H43" s="219"/>
      <c r="I43" s="219"/>
      <c r="J43" s="222"/>
      <c r="K43" s="223"/>
      <c r="L43" s="223"/>
    </row>
    <row r="44" spans="2:13" ht="15" customHeight="1">
      <c r="B44" s="224" t="s">
        <v>7</v>
      </c>
      <c r="C44" s="224"/>
      <c r="D44" s="226"/>
      <c r="E44" s="226"/>
      <c r="F44" s="226"/>
      <c r="G44" s="219"/>
      <c r="H44" s="219"/>
      <c r="I44" s="219"/>
      <c r="J44" s="222"/>
      <c r="K44" s="223"/>
      <c r="L44" s="223"/>
    </row>
    <row r="45" spans="2:13" ht="12" customHeight="1">
      <c r="B45" s="227"/>
      <c r="C45" s="227"/>
      <c r="D45" s="227"/>
      <c r="E45" s="227"/>
      <c r="F45" s="228"/>
      <c r="G45" s="228"/>
      <c r="H45" s="219"/>
      <c r="I45" s="219"/>
      <c r="J45" s="222"/>
      <c r="K45" s="223"/>
      <c r="L45" s="223"/>
    </row>
    <row r="46" spans="2:13" ht="15" customHeight="1">
      <c r="B46" s="229" t="s">
        <v>8</v>
      </c>
      <c r="C46" s="230"/>
      <c r="D46" s="231"/>
      <c r="E46" s="232"/>
      <c r="F46" s="232"/>
      <c r="G46" s="232"/>
      <c r="H46" s="219"/>
      <c r="I46" s="219"/>
      <c r="J46" s="222"/>
      <c r="K46" s="223"/>
      <c r="L46" s="223"/>
    </row>
    <row r="47" spans="2:13" ht="15" customHeight="1">
      <c r="B47" s="229" t="s">
        <v>12</v>
      </c>
      <c r="C47" s="233"/>
      <c r="D47" s="227"/>
      <c r="E47" s="227"/>
      <c r="F47" s="227"/>
      <c r="G47" s="227"/>
      <c r="H47" s="219"/>
      <c r="I47" s="219"/>
      <c r="J47" s="222"/>
      <c r="K47" s="223"/>
      <c r="L47" s="223"/>
    </row>
    <row r="48" spans="2:13" ht="15" customHeight="1">
      <c r="D48" s="229"/>
      <c r="E48" s="229"/>
      <c r="F48" s="227"/>
      <c r="G48" s="227"/>
      <c r="H48" s="227"/>
      <c r="I48" s="219"/>
      <c r="J48" s="222"/>
      <c r="K48" s="223"/>
      <c r="L48" s="223"/>
    </row>
    <row r="49" spans="2:13" ht="15" customHeight="1">
      <c r="B49" s="221"/>
      <c r="C49" s="220"/>
      <c r="D49" s="14"/>
      <c r="E49" s="234" t="s">
        <v>14</v>
      </c>
      <c r="F49" s="235"/>
      <c r="G49" s="227"/>
      <c r="H49" s="236"/>
      <c r="I49" s="219"/>
      <c r="J49" s="222"/>
      <c r="K49" s="223"/>
      <c r="L49" s="223"/>
    </row>
    <row r="50" spans="2:13" ht="24.95" customHeight="1">
      <c r="B50" s="221"/>
      <c r="C50" s="220"/>
      <c r="D50" s="14"/>
      <c r="E50" s="60"/>
      <c r="F50" s="237" t="s">
        <v>15</v>
      </c>
      <c r="G50" s="227"/>
      <c r="H50" s="236"/>
      <c r="I50" s="219"/>
      <c r="J50" s="222"/>
      <c r="K50" s="223"/>
      <c r="L50" s="223"/>
    </row>
    <row r="51" spans="2:13" ht="5.25" customHeight="1">
      <c r="B51" s="221" t="s">
        <v>10</v>
      </c>
      <c r="C51" s="220"/>
      <c r="D51" s="14"/>
      <c r="E51" s="60"/>
      <c r="F51" s="237"/>
      <c r="G51" s="227"/>
      <c r="H51" s="236"/>
      <c r="I51" s="219"/>
      <c r="J51" s="222"/>
      <c r="K51" s="223"/>
      <c r="L51" s="223"/>
    </row>
    <row r="52" spans="2:13">
      <c r="B52" s="238"/>
      <c r="C52" s="239" t="s">
        <v>11</v>
      </c>
      <c r="D52" s="224"/>
      <c r="E52" s="224"/>
      <c r="F52" s="224"/>
      <c r="G52" s="230"/>
      <c r="H52" s="229"/>
      <c r="I52" s="229"/>
      <c r="J52" s="229"/>
      <c r="K52" s="229"/>
      <c r="L52" s="229"/>
      <c r="M52" s="229"/>
    </row>
    <row r="53" spans="2:13" ht="4.5" customHeight="1" thickBot="1">
      <c r="H53" s="240"/>
      <c r="I53" s="240"/>
      <c r="J53" s="232"/>
      <c r="K53" s="232"/>
      <c r="L53" s="232"/>
    </row>
    <row r="54" spans="2:13" ht="12.75" thickBot="1">
      <c r="B54" s="241"/>
      <c r="C54" s="242" t="s">
        <v>30</v>
      </c>
      <c r="D54" s="242"/>
      <c r="E54" s="242"/>
      <c r="F54" s="240"/>
      <c r="G54" s="240"/>
      <c r="H54" s="229"/>
      <c r="I54" s="229"/>
      <c r="J54" s="229"/>
      <c r="K54" s="229"/>
      <c r="L54" s="229"/>
    </row>
    <row r="55" spans="2:13">
      <c r="H55" s="229"/>
      <c r="I55" s="229"/>
      <c r="J55" s="229"/>
      <c r="K55" s="229"/>
      <c r="L55" s="229"/>
    </row>
    <row r="56" spans="2:13" ht="12" customHeight="1">
      <c r="H56" s="228"/>
      <c r="I56" s="228"/>
      <c r="J56" s="229"/>
      <c r="K56" s="229"/>
    </row>
    <row r="57" spans="2:13" ht="11.25" customHeight="1">
      <c r="H57" s="228"/>
      <c r="I57" s="228"/>
      <c r="J57" s="227"/>
      <c r="K57" s="227"/>
    </row>
    <row r="58" spans="2:13">
      <c r="H58" s="228"/>
      <c r="I58" s="228"/>
      <c r="J58" s="227"/>
      <c r="K58" s="227"/>
    </row>
    <row r="59" spans="2:13">
      <c r="H59" s="228"/>
      <c r="I59" s="228"/>
      <c r="J59" s="227"/>
      <c r="K59" s="227"/>
    </row>
    <row r="60" spans="2:13">
      <c r="H60" s="232"/>
      <c r="I60" s="232"/>
      <c r="J60" s="227"/>
      <c r="K60" s="227"/>
    </row>
    <row r="61" spans="2:13">
      <c r="H61" s="230"/>
      <c r="I61" s="230"/>
      <c r="J61" s="232"/>
      <c r="K61" s="232"/>
    </row>
    <row r="62" spans="2:13" ht="4.5" customHeight="1">
      <c r="H62" s="240"/>
      <c r="I62" s="240"/>
      <c r="J62" s="232"/>
      <c r="K62" s="232"/>
      <c r="L62" s="232"/>
    </row>
    <row r="63" spans="2:13">
      <c r="H63" s="240"/>
      <c r="I63" s="240"/>
      <c r="J63" s="243"/>
      <c r="K63" s="221"/>
      <c r="L63" s="232"/>
    </row>
    <row r="64" spans="2:13">
      <c r="B64" s="224"/>
      <c r="C64" s="224"/>
      <c r="D64" s="224"/>
      <c r="E64" s="224"/>
      <c r="F64" s="224"/>
      <c r="G64" s="224"/>
      <c r="H64" s="224"/>
      <c r="I64" s="224"/>
      <c r="J64" s="224"/>
      <c r="K64" s="224"/>
      <c r="L64" s="224"/>
    </row>
  </sheetData>
  <mergeCells count="71">
    <mergeCell ref="K51:L51"/>
    <mergeCell ref="C52:F52"/>
    <mergeCell ref="B64:L64"/>
    <mergeCell ref="K45:L45"/>
    <mergeCell ref="K46:L46"/>
    <mergeCell ref="K47:L47"/>
    <mergeCell ref="K48:L48"/>
    <mergeCell ref="K49:L49"/>
    <mergeCell ref="K50:L50"/>
    <mergeCell ref="B43:C43"/>
    <mergeCell ref="D43:F43"/>
    <mergeCell ref="K43:L43"/>
    <mergeCell ref="B44:C44"/>
    <mergeCell ref="D44:F44"/>
    <mergeCell ref="K44:L44"/>
    <mergeCell ref="B39:F39"/>
    <mergeCell ref="K40:L40"/>
    <mergeCell ref="B41:C41"/>
    <mergeCell ref="D41:F41"/>
    <mergeCell ref="K41:L41"/>
    <mergeCell ref="B42:C42"/>
    <mergeCell ref="D42:F42"/>
    <mergeCell ref="K42:L42"/>
    <mergeCell ref="H30:H31"/>
    <mergeCell ref="I30:I31"/>
    <mergeCell ref="J30:L30"/>
    <mergeCell ref="M30:M31"/>
    <mergeCell ref="M33:M35"/>
    <mergeCell ref="B37:M37"/>
    <mergeCell ref="I22:I23"/>
    <mergeCell ref="J22:L22"/>
    <mergeCell ref="M22:M23"/>
    <mergeCell ref="M25:M27"/>
    <mergeCell ref="B29:M29"/>
    <mergeCell ref="B30:B31"/>
    <mergeCell ref="C30:C31"/>
    <mergeCell ref="D30:D31"/>
    <mergeCell ref="E30:E31"/>
    <mergeCell ref="G30:G31"/>
    <mergeCell ref="B22:B23"/>
    <mergeCell ref="C22:C23"/>
    <mergeCell ref="D22:D23"/>
    <mergeCell ref="E22:E23"/>
    <mergeCell ref="G22:G23"/>
    <mergeCell ref="H22:H23"/>
    <mergeCell ref="H14:H15"/>
    <mergeCell ref="I14:I15"/>
    <mergeCell ref="J14:L14"/>
    <mergeCell ref="M14:M15"/>
    <mergeCell ref="M17:M19"/>
    <mergeCell ref="B21:M21"/>
    <mergeCell ref="I6:I7"/>
    <mergeCell ref="J6:L6"/>
    <mergeCell ref="M6:M7"/>
    <mergeCell ref="M9:M11"/>
    <mergeCell ref="B13:M13"/>
    <mergeCell ref="B14:B15"/>
    <mergeCell ref="C14:C15"/>
    <mergeCell ref="D14:D15"/>
    <mergeCell ref="E14:E15"/>
    <mergeCell ref="G14:G15"/>
    <mergeCell ref="B1:C1"/>
    <mergeCell ref="B2:I2"/>
    <mergeCell ref="B3:L3"/>
    <mergeCell ref="B5:M5"/>
    <mergeCell ref="B6:B7"/>
    <mergeCell ref="C6:C7"/>
    <mergeCell ref="D6:D7"/>
    <mergeCell ref="E6:E7"/>
    <mergeCell ref="G6:G7"/>
    <mergeCell ref="H6:H7"/>
  </mergeCells>
  <conditionalFormatting sqref="C46:C47">
    <cfRule type="containsBlanks" dxfId="2" priority="3">
      <formula>LEN(TRIM(C46))=0</formula>
    </cfRule>
  </conditionalFormatting>
  <conditionalFormatting sqref="D41:F44">
    <cfRule type="containsBlanks" dxfId="1" priority="2">
      <formula>LEN(TRIM(D41))=0</formula>
    </cfRule>
  </conditionalFormatting>
  <conditionalFormatting sqref="F49">
    <cfRule type="containsBlanks" dxfId="0" priority="1">
      <formula>LEN(TRIM(F49))=0</formula>
    </cfRule>
  </conditionalFormatting>
  <pageMargins left="0.70866141732283472" right="0.70866141732283472" top="0.62678571428571428" bottom="0.35433070866141736" header="0.31496062992125984" footer="0.31496062992125984"/>
  <pageSetup paperSize="9" scale="69" fitToHeight="0" orientation="landscape" r:id="rId1"/>
  <headerFooter>
    <oddHeader>&amp;L&amp;"Arial,Tučné"&amp;9Príloha č. 2 Zmluvy&amp;"Arial,Normálne"
Sortiment ponúkaného tovaru</oddHeader>
  </headerFooter>
  <rowBreaks count="1" manualBreakCount="1">
    <brk id="28" max="1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M41"/>
  <sheetViews>
    <sheetView showGridLines="0" zoomScaleNormal="100" workbookViewId="0">
      <selection activeCell="A2" sqref="A2:F2"/>
    </sheetView>
  </sheetViews>
  <sheetFormatPr defaultRowHeight="15"/>
  <cols>
    <col min="1" max="1" width="4.85546875" customWidth="1"/>
    <col min="2" max="2" width="33.140625" customWidth="1"/>
    <col min="3" max="3" width="23.7109375" customWidth="1"/>
    <col min="4" max="4" width="25.42578125" customWidth="1"/>
    <col min="5" max="6" width="16.7109375" customWidth="1"/>
  </cols>
  <sheetData>
    <row r="1" spans="1:10" s="3" customFormat="1" ht="19.5" customHeight="1">
      <c r="A1" s="54" t="s">
        <v>5</v>
      </c>
      <c r="B1" s="54"/>
    </row>
    <row r="2" spans="1:10" s="5" customFormat="1" ht="30" customHeight="1">
      <c r="A2" s="55" t="s">
        <v>60</v>
      </c>
      <c r="B2" s="56"/>
      <c r="C2" s="56"/>
      <c r="D2" s="56"/>
      <c r="E2" s="56"/>
      <c r="F2" s="57"/>
    </row>
    <row r="3" spans="1:10" s="11" customFormat="1" ht="14.25">
      <c r="A3" s="58"/>
      <c r="B3" s="58"/>
      <c r="C3" s="58"/>
      <c r="D3" s="10"/>
    </row>
    <row r="4" spans="1:10" s="13" customFormat="1" ht="35.1" customHeight="1">
      <c r="A4" s="59" t="s">
        <v>34</v>
      </c>
      <c r="B4" s="59"/>
      <c r="C4" s="59"/>
      <c r="D4" s="59"/>
      <c r="E4" s="59"/>
      <c r="F4" s="59"/>
      <c r="G4" s="12"/>
      <c r="H4" s="12"/>
      <c r="I4" s="12"/>
      <c r="J4" s="12"/>
    </row>
    <row r="5" spans="1:10" s="13" customFormat="1" ht="15.75">
      <c r="A5" s="18"/>
      <c r="B5" s="18"/>
      <c r="C5" s="18"/>
      <c r="D5" s="18"/>
      <c r="E5" s="18"/>
      <c r="F5" s="18"/>
      <c r="G5" s="12"/>
      <c r="H5" s="12"/>
      <c r="I5" s="12"/>
      <c r="J5" s="12"/>
    </row>
    <row r="6" spans="1:10" s="13" customFormat="1" ht="35.1" customHeight="1">
      <c r="A6" s="52" t="s">
        <v>35</v>
      </c>
      <c r="B6" s="52"/>
      <c r="C6" s="52"/>
      <c r="D6" s="52"/>
      <c r="E6" s="52"/>
      <c r="F6" s="52"/>
      <c r="G6" s="12"/>
      <c r="H6" s="12"/>
      <c r="I6" s="12"/>
      <c r="J6" s="12"/>
    </row>
    <row r="7" spans="1:10" s="16" customFormat="1" ht="17.25" customHeight="1">
      <c r="A7" s="20"/>
      <c r="B7" s="53" t="s">
        <v>36</v>
      </c>
      <c r="C7" s="53"/>
      <c r="D7" s="53"/>
      <c r="E7" s="53"/>
      <c r="F7" s="53"/>
    </row>
    <row r="8" spans="1:10" ht="15.75" thickBot="1"/>
    <row r="9" spans="1:10" ht="84">
      <c r="A9" s="21" t="s">
        <v>16</v>
      </c>
      <c r="B9" s="22" t="s">
        <v>37</v>
      </c>
      <c r="C9" s="23" t="s">
        <v>38</v>
      </c>
      <c r="D9" s="22" t="s">
        <v>39</v>
      </c>
      <c r="E9" s="24" t="s">
        <v>40</v>
      </c>
      <c r="F9" s="25" t="s">
        <v>41</v>
      </c>
    </row>
    <row r="10" spans="1:10">
      <c r="A10" s="8" t="s">
        <v>0</v>
      </c>
      <c r="B10" s="8" t="s">
        <v>1</v>
      </c>
      <c r="C10" s="8" t="s">
        <v>2</v>
      </c>
      <c r="D10" s="8" t="s">
        <v>3</v>
      </c>
      <c r="E10" s="8" t="s">
        <v>4</v>
      </c>
      <c r="F10" s="8" t="s">
        <v>13</v>
      </c>
    </row>
    <row r="11" spans="1:10" ht="24.95" customHeight="1">
      <c r="A11" s="9"/>
      <c r="B11" s="26"/>
      <c r="C11" s="27"/>
      <c r="D11" s="28"/>
      <c r="E11" s="29"/>
      <c r="F11" s="30"/>
    </row>
    <row r="12" spans="1:10" ht="24.95" customHeight="1">
      <c r="A12" s="9"/>
      <c r="B12" s="26"/>
      <c r="C12" s="27"/>
      <c r="D12" s="28"/>
      <c r="E12" s="29"/>
      <c r="F12" s="30"/>
    </row>
    <row r="13" spans="1:10" ht="24.95" customHeight="1">
      <c r="A13" s="9"/>
      <c r="B13" s="26"/>
      <c r="C13" s="27"/>
      <c r="D13" s="28"/>
      <c r="E13" s="29"/>
      <c r="F13" s="30"/>
    </row>
    <row r="14" spans="1:10" ht="24.95" customHeight="1">
      <c r="A14" s="9"/>
      <c r="B14" s="26"/>
      <c r="C14" s="27"/>
      <c r="D14" s="28"/>
      <c r="E14" s="29"/>
      <c r="F14" s="30"/>
    </row>
    <row r="15" spans="1:10" ht="24.95" customHeight="1">
      <c r="A15" s="9"/>
      <c r="B15" s="26"/>
      <c r="C15" s="27"/>
      <c r="D15" s="28"/>
      <c r="E15" s="29"/>
      <c r="F15" s="30"/>
    </row>
    <row r="16" spans="1:10" ht="15.75" thickBot="1">
      <c r="A16" s="31"/>
      <c r="B16" s="32"/>
      <c r="C16" s="33"/>
      <c r="D16" s="34"/>
      <c r="E16" s="35"/>
      <c r="F16" s="36"/>
    </row>
    <row r="18" spans="1:13" s="37" customFormat="1" ht="51.75" customHeight="1">
      <c r="A18" s="51" t="s">
        <v>42</v>
      </c>
      <c r="B18" s="51"/>
      <c r="C18" s="51"/>
      <c r="D18" s="51"/>
      <c r="E18" s="51"/>
      <c r="F18" s="51"/>
    </row>
    <row r="20" spans="1:13" s="13" customFormat="1" ht="35.1" customHeight="1">
      <c r="A20" s="52" t="s">
        <v>43</v>
      </c>
      <c r="B20" s="52"/>
      <c r="C20" s="52"/>
      <c r="D20" s="52"/>
      <c r="E20" s="52"/>
      <c r="F20" s="52"/>
      <c r="G20" s="12"/>
      <c r="H20" s="12"/>
      <c r="I20" s="12"/>
      <c r="J20" s="12"/>
    </row>
    <row r="21" spans="1:13" s="16" customFormat="1" ht="17.25" customHeight="1">
      <c r="A21" s="20"/>
      <c r="B21" s="53" t="s">
        <v>44</v>
      </c>
      <c r="C21" s="53"/>
      <c r="D21" s="53"/>
      <c r="E21" s="53"/>
      <c r="F21" s="53"/>
    </row>
    <row r="22" spans="1:13" s="17" customFormat="1" ht="20.100000000000001" customHeight="1">
      <c r="A22" s="20"/>
      <c r="B22" s="38"/>
      <c r="C22" s="38"/>
      <c r="D22" s="38"/>
      <c r="E22" s="38"/>
      <c r="F22" s="38"/>
      <c r="G22" s="39"/>
      <c r="H22" s="39"/>
      <c r="I22" s="39"/>
      <c r="J22" s="39"/>
      <c r="K22" s="39"/>
      <c r="L22" s="39"/>
      <c r="M22" s="39"/>
    </row>
    <row r="23" spans="1:13" ht="15" customHeight="1">
      <c r="A23" s="48" t="s">
        <v>32</v>
      </c>
      <c r="B23" s="48"/>
      <c r="C23" s="6"/>
      <c r="D23" s="40"/>
    </row>
    <row r="24" spans="1:13" ht="15" customHeight="1">
      <c r="A24" s="48" t="s">
        <v>33</v>
      </c>
      <c r="B24" s="48"/>
      <c r="C24" s="19"/>
      <c r="D24" s="41"/>
    </row>
    <row r="25" spans="1:13">
      <c r="A25" s="48" t="s">
        <v>6</v>
      </c>
      <c r="B25" s="48"/>
      <c r="C25" s="19"/>
      <c r="D25" s="41"/>
    </row>
    <row r="26" spans="1:13">
      <c r="A26" s="48" t="s">
        <v>7</v>
      </c>
      <c r="B26" s="48"/>
      <c r="C26" s="19"/>
      <c r="D26" s="41"/>
    </row>
    <row r="30" spans="1:13">
      <c r="A30" s="2" t="s">
        <v>8</v>
      </c>
      <c r="B30" s="19"/>
      <c r="C30" s="3"/>
      <c r="D30" s="3"/>
    </row>
    <row r="31" spans="1:13">
      <c r="A31" s="2" t="s">
        <v>9</v>
      </c>
      <c r="B31" s="45"/>
      <c r="C31" s="42"/>
      <c r="D31" s="5"/>
    </row>
    <row r="32" spans="1:13">
      <c r="A32" s="3"/>
      <c r="B32" s="3"/>
      <c r="C32" s="3"/>
      <c r="D32" s="3"/>
    </row>
    <row r="33" spans="1:5">
      <c r="A33" s="3"/>
      <c r="B33" s="3"/>
      <c r="C33" s="3"/>
      <c r="D33" s="3"/>
    </row>
    <row r="34" spans="1:5">
      <c r="A34" s="3"/>
      <c r="B34" s="3"/>
      <c r="C34" s="3"/>
      <c r="D34" s="3"/>
      <c r="E34" s="43"/>
    </row>
    <row r="35" spans="1:5">
      <c r="A35" s="3"/>
      <c r="B35" s="3"/>
      <c r="C35" s="3"/>
      <c r="D35" s="7" t="s">
        <v>14</v>
      </c>
      <c r="E35" s="46"/>
    </row>
    <row r="36" spans="1:5">
      <c r="A36" s="3"/>
      <c r="B36" s="3"/>
      <c r="D36" s="1"/>
      <c r="E36" s="4" t="s">
        <v>15</v>
      </c>
    </row>
    <row r="37" spans="1:5">
      <c r="A37" s="3"/>
      <c r="B37" s="3"/>
    </row>
    <row r="38" spans="1:5">
      <c r="A38" s="3"/>
      <c r="B38" s="3"/>
      <c r="C38" s="3"/>
      <c r="D38" s="3"/>
    </row>
    <row r="39" spans="1:5">
      <c r="A39" s="49" t="s">
        <v>10</v>
      </c>
      <c r="B39" s="49"/>
      <c r="C39" s="1"/>
    </row>
    <row r="40" spans="1:5">
      <c r="A40" s="44"/>
      <c r="B40" s="50" t="s">
        <v>11</v>
      </c>
      <c r="C40" s="50"/>
    </row>
    <row r="41" spans="1:5">
      <c r="A41" s="3"/>
      <c r="B41" s="3"/>
      <c r="C41" s="3"/>
      <c r="D41" s="3"/>
    </row>
  </sheetData>
  <mergeCells count="15">
    <mergeCell ref="B7:F7"/>
    <mergeCell ref="A1:B1"/>
    <mergeCell ref="A2:F2"/>
    <mergeCell ref="A3:C3"/>
    <mergeCell ref="A4:F4"/>
    <mergeCell ref="A6:F6"/>
    <mergeCell ref="A26:B26"/>
    <mergeCell ref="A39:B39"/>
    <mergeCell ref="B40:C40"/>
    <mergeCell ref="A18:F18"/>
    <mergeCell ref="A20:F20"/>
    <mergeCell ref="B21:F21"/>
    <mergeCell ref="A23:B23"/>
    <mergeCell ref="A24:B24"/>
    <mergeCell ref="A25:B25"/>
  </mergeCells>
  <conditionalFormatting sqref="B30:B31">
    <cfRule type="containsBlanks" dxfId="9" priority="3">
      <formula>LEN(TRIM(B30))=0</formula>
    </cfRule>
  </conditionalFormatting>
  <conditionalFormatting sqref="C23:C26">
    <cfRule type="containsBlanks" dxfId="8" priority="1">
      <formula>LEN(TRIM(C23))=0</formula>
    </cfRule>
  </conditionalFormatting>
  <conditionalFormatting sqref="E35">
    <cfRule type="containsBlanks" dxfId="7" priority="2">
      <formula>LEN(TRIM(E35))=0</formula>
    </cfRule>
  </conditionalFormatting>
  <printOptions horizontalCentered="1"/>
  <pageMargins left="0.78740157480314965" right="0.78740157480314965" top="0.98425196850393704" bottom="0.78740157480314965" header="0.31496062992125984" footer="0.31496062992125984"/>
  <pageSetup paperSize="9" scale="70" orientation="portrait" r:id="rId1"/>
  <headerFooter>
    <oddHeader>&amp;L&amp;"Arial,Tučné"&amp;9Príloha č. 3 Zmluvy&amp;"Arial,Normálne"
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8673" r:id="rId4" name="Check Box 1">
              <controlPr defaultSize="0" autoFill="0" autoLine="0" autoPict="0">
                <anchor moveWithCells="1">
                  <from>
                    <xdr:col>0</xdr:col>
                    <xdr:colOff>76200</xdr:colOff>
                    <xdr:row>5</xdr:row>
                    <xdr:rowOff>304800</xdr:rowOff>
                  </from>
                  <to>
                    <xdr:col>0</xdr:col>
                    <xdr:colOff>314325</xdr:colOff>
                    <xdr:row>7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8674" r:id="rId5" name="Check Box 2">
              <controlPr defaultSize="0" autoFill="0" autoLine="0" autoPict="0">
                <anchor moveWithCells="1">
                  <from>
                    <xdr:col>0</xdr:col>
                    <xdr:colOff>76200</xdr:colOff>
                    <xdr:row>19</xdr:row>
                    <xdr:rowOff>276225</xdr:rowOff>
                  </from>
                  <to>
                    <xdr:col>0</xdr:col>
                    <xdr:colOff>314325</xdr:colOff>
                    <xdr:row>21</xdr:row>
                    <xdr:rowOff>1524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1 RD </vt:lpstr>
      <vt:lpstr>Príloha č.2 RD</vt:lpstr>
      <vt:lpstr>Príloha č.3 RD</vt:lpstr>
      <vt:lpstr>'Príloha č.1 RD '!Oblasť_tlače</vt:lpstr>
      <vt:lpstr>'Príloha č.2 RD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10-23T09:17:34Z</cp:lastPrinted>
  <dcterms:created xsi:type="dcterms:W3CDTF">2017-08-18T08:10:31Z</dcterms:created>
  <dcterms:modified xsi:type="dcterms:W3CDTF">2025-10-23T09:17:37Z</dcterms:modified>
</cp:coreProperties>
</file>